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notesSlides/notesSlide7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8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9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33"/>
  </p:notesMasterIdLst>
  <p:sldIdLst>
    <p:sldId id="257" r:id="rId2"/>
    <p:sldId id="381" r:id="rId3"/>
    <p:sldId id="691" r:id="rId4"/>
    <p:sldId id="690" r:id="rId5"/>
    <p:sldId id="614" r:id="rId6"/>
    <p:sldId id="695" r:id="rId7"/>
    <p:sldId id="704" r:id="rId8"/>
    <p:sldId id="727" r:id="rId9"/>
    <p:sldId id="724" r:id="rId10"/>
    <p:sldId id="665" r:id="rId11"/>
    <p:sldId id="719" r:id="rId12"/>
    <p:sldId id="722" r:id="rId13"/>
    <p:sldId id="664" r:id="rId14"/>
    <p:sldId id="683" r:id="rId15"/>
    <p:sldId id="702" r:id="rId16"/>
    <p:sldId id="670" r:id="rId17"/>
    <p:sldId id="671" r:id="rId18"/>
    <p:sldId id="679" r:id="rId19"/>
    <p:sldId id="710" r:id="rId20"/>
    <p:sldId id="713" r:id="rId21"/>
    <p:sldId id="647" r:id="rId22"/>
    <p:sldId id="662" r:id="rId23"/>
    <p:sldId id="711" r:id="rId24"/>
    <p:sldId id="712" r:id="rId25"/>
    <p:sldId id="726" r:id="rId26"/>
    <p:sldId id="705" r:id="rId27"/>
    <p:sldId id="642" r:id="rId28"/>
    <p:sldId id="658" r:id="rId29"/>
    <p:sldId id="721" r:id="rId30"/>
    <p:sldId id="728" r:id="rId31"/>
    <p:sldId id="729" r:id="rId32"/>
  </p:sldIdLst>
  <p:sldSz cx="9144000" cy="6858000" type="screen4x3"/>
  <p:notesSz cx="7077075" cy="936307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Judi Durda" initials="jd" lastIdx="15" clrIdx="0"/>
  <p:cmAuthor id="1" name="Heather Summers" initials="HS" lastIdx="1" clrIdx="1">
    <p:extLst>
      <p:ext uri="{19B8F6BF-5375-455C-9EA6-DF929625EA0E}">
        <p15:presenceInfo xmlns:p15="http://schemas.microsoft.com/office/powerpoint/2012/main" userId="Heather Summers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6455C"/>
    <a:srgbClr val="1880C4"/>
    <a:srgbClr val="DDB969"/>
    <a:srgbClr val="53B9E9"/>
    <a:srgbClr val="40404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875" autoAdjust="0"/>
    <p:restoredTop sz="88587" autoAdjust="0"/>
  </p:normalViewPr>
  <p:slideViewPr>
    <p:cSldViewPr>
      <p:cViewPr varScale="1">
        <p:scale>
          <a:sx n="57" d="100"/>
          <a:sy n="57" d="100"/>
        </p:scale>
        <p:origin x="1028" y="44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70" d="100"/>
        <a:sy n="70" d="100"/>
      </p:scale>
      <p:origin x="0" y="-58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image" Target="../media/image60.png"/><Relationship Id="rId1" Type="http://schemas.openxmlformats.org/officeDocument/2006/relationships/image" Target="../media/image59.png"/><Relationship Id="rId4" Type="http://schemas.openxmlformats.org/officeDocument/2006/relationships/image" Target="../media/image62.png"/></Relationships>
</file>

<file path=ppt/diagrams/_rels/data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image" Target="../media/image75.png"/><Relationship Id="rId1" Type="http://schemas.openxmlformats.org/officeDocument/2006/relationships/image" Target="../media/image74.png"/><Relationship Id="rId4" Type="http://schemas.openxmlformats.org/officeDocument/2006/relationships/image" Target="../media/image77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image" Target="../media/image60.png"/><Relationship Id="rId1" Type="http://schemas.openxmlformats.org/officeDocument/2006/relationships/image" Target="../media/image59.png"/><Relationship Id="rId4" Type="http://schemas.openxmlformats.org/officeDocument/2006/relationships/image" Target="../media/image62.png"/></Relationships>
</file>

<file path=ppt/diagrams/_rels/drawing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image" Target="../media/image75.png"/><Relationship Id="rId1" Type="http://schemas.openxmlformats.org/officeDocument/2006/relationships/image" Target="../media/image74.png"/><Relationship Id="rId4" Type="http://schemas.openxmlformats.org/officeDocument/2006/relationships/image" Target="../media/image77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44312F3-4EDE-4609-80B7-4B68372B3D44}" type="doc">
      <dgm:prSet loTypeId="urn:microsoft.com/office/officeart/2005/8/layout/arrow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A0D2AD5-65EF-4206-A77E-654CF5978252}">
      <dgm:prSet phldrT="[Text]" custT="1"/>
      <dgm:spPr/>
      <dgm:t>
        <a:bodyPr/>
        <a:lstStyle/>
        <a:p>
          <a:r>
            <a:rPr lang="en-US" sz="2800" dirty="0" smtClean="0"/>
            <a:t>Legacy Environmental Liability</a:t>
          </a:r>
          <a:endParaRPr lang="en-US" sz="2800" dirty="0"/>
        </a:p>
      </dgm:t>
    </dgm:pt>
    <dgm:pt modelId="{0D777959-B243-4581-9375-214224AEB33F}" type="parTrans" cxnId="{ADF1E1C9-D038-4B23-8E7B-D4EBA6121D8E}">
      <dgm:prSet/>
      <dgm:spPr/>
      <dgm:t>
        <a:bodyPr/>
        <a:lstStyle/>
        <a:p>
          <a:endParaRPr lang="en-US" sz="2400"/>
        </a:p>
      </dgm:t>
    </dgm:pt>
    <dgm:pt modelId="{D12A878B-92F7-4175-A852-E883B40B4912}" type="sibTrans" cxnId="{ADF1E1C9-D038-4B23-8E7B-D4EBA6121D8E}">
      <dgm:prSet/>
      <dgm:spPr/>
      <dgm:t>
        <a:bodyPr/>
        <a:lstStyle/>
        <a:p>
          <a:endParaRPr lang="en-US" sz="2400"/>
        </a:p>
      </dgm:t>
    </dgm:pt>
    <dgm:pt modelId="{E8D54C1C-9CBD-4DC9-A202-14B4ECF86B16}">
      <dgm:prSet phldrT="[Text]" custT="1"/>
      <dgm:spPr/>
      <dgm:t>
        <a:bodyPr/>
        <a:lstStyle/>
        <a:p>
          <a:r>
            <a:rPr lang="en-US" sz="2800" dirty="0" smtClean="0"/>
            <a:t>Replacements, Product Stewardship, Best Practices</a:t>
          </a:r>
          <a:endParaRPr lang="en-US" sz="2800" dirty="0"/>
        </a:p>
      </dgm:t>
    </dgm:pt>
    <dgm:pt modelId="{A3CDA79E-5270-4ACD-855F-2220BF7E872A}" type="parTrans" cxnId="{DEB3C1BF-9A1F-4DC7-BD57-7338DB4286CA}">
      <dgm:prSet/>
      <dgm:spPr/>
      <dgm:t>
        <a:bodyPr/>
        <a:lstStyle/>
        <a:p>
          <a:endParaRPr lang="en-US" sz="2400"/>
        </a:p>
      </dgm:t>
    </dgm:pt>
    <dgm:pt modelId="{0CD59840-5ED2-48CE-A925-CA07CDBF2C82}" type="sibTrans" cxnId="{DEB3C1BF-9A1F-4DC7-BD57-7338DB4286CA}">
      <dgm:prSet/>
      <dgm:spPr/>
      <dgm:t>
        <a:bodyPr/>
        <a:lstStyle/>
        <a:p>
          <a:endParaRPr lang="en-US" sz="2400"/>
        </a:p>
      </dgm:t>
    </dgm:pt>
    <dgm:pt modelId="{BA675957-A4E3-4FA6-8A33-40C19A607CCA}" type="pres">
      <dgm:prSet presAssocID="{244312F3-4EDE-4609-80B7-4B68372B3D44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DBB6EFC6-83F0-4ABC-B9F3-93CC2E00420B}" type="pres">
      <dgm:prSet presAssocID="{EA0D2AD5-65EF-4206-A77E-654CF5978252}" presName="arrow" presStyleLbl="node1" presStyleIdx="0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CC65DB9-5751-4DDB-AD8A-B5F039530F3D}" type="pres">
      <dgm:prSet presAssocID="{E8D54C1C-9CBD-4DC9-A202-14B4ECF86B16}" presName="arrow" presStyleLbl="node1" presStyleIdx="1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2F24C39E-3EA0-4B99-9CA6-038DEBCE6A19}" type="presOf" srcId="{E8D54C1C-9CBD-4DC9-A202-14B4ECF86B16}" destId="{5CC65DB9-5751-4DDB-AD8A-B5F039530F3D}" srcOrd="0" destOrd="0" presId="urn:microsoft.com/office/officeart/2005/8/layout/arrow1"/>
    <dgm:cxn modelId="{C39D1CB9-EBB4-4497-93FD-45615E84EE03}" type="presOf" srcId="{EA0D2AD5-65EF-4206-A77E-654CF5978252}" destId="{DBB6EFC6-83F0-4ABC-B9F3-93CC2E00420B}" srcOrd="0" destOrd="0" presId="urn:microsoft.com/office/officeart/2005/8/layout/arrow1"/>
    <dgm:cxn modelId="{DEB3C1BF-9A1F-4DC7-BD57-7338DB4286CA}" srcId="{244312F3-4EDE-4609-80B7-4B68372B3D44}" destId="{E8D54C1C-9CBD-4DC9-A202-14B4ECF86B16}" srcOrd="1" destOrd="0" parTransId="{A3CDA79E-5270-4ACD-855F-2220BF7E872A}" sibTransId="{0CD59840-5ED2-48CE-A925-CA07CDBF2C82}"/>
    <dgm:cxn modelId="{ADF1E1C9-D038-4B23-8E7B-D4EBA6121D8E}" srcId="{244312F3-4EDE-4609-80B7-4B68372B3D44}" destId="{EA0D2AD5-65EF-4206-A77E-654CF5978252}" srcOrd="0" destOrd="0" parTransId="{0D777959-B243-4581-9375-214224AEB33F}" sibTransId="{D12A878B-92F7-4175-A852-E883B40B4912}"/>
    <dgm:cxn modelId="{C1869514-0EA5-4EA1-A85C-E0D0A39066F9}" type="presOf" srcId="{244312F3-4EDE-4609-80B7-4B68372B3D44}" destId="{BA675957-A4E3-4FA6-8A33-40C19A607CCA}" srcOrd="0" destOrd="0" presId="urn:microsoft.com/office/officeart/2005/8/layout/arrow1"/>
    <dgm:cxn modelId="{F66507B5-69C3-4C86-81E1-2F89A1B0A486}" type="presParOf" srcId="{BA675957-A4E3-4FA6-8A33-40C19A607CCA}" destId="{DBB6EFC6-83F0-4ABC-B9F3-93CC2E00420B}" srcOrd="0" destOrd="0" presId="urn:microsoft.com/office/officeart/2005/8/layout/arrow1"/>
    <dgm:cxn modelId="{5A6A5744-30C4-4281-A001-F40159DB7153}" type="presParOf" srcId="{BA675957-A4E3-4FA6-8A33-40C19A607CCA}" destId="{5CC65DB9-5751-4DDB-AD8A-B5F039530F3D}" srcOrd="1" destOrd="0" presId="urn:microsoft.com/office/officeart/2005/8/layout/arrow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44312F3-4EDE-4609-80B7-4B68372B3D44}" type="doc">
      <dgm:prSet loTypeId="urn:microsoft.com/office/officeart/2005/8/layout/arrow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A0D2AD5-65EF-4206-A77E-654CF5978252}">
      <dgm:prSet phldrT="[Text]" custT="1"/>
      <dgm:spPr/>
      <dgm:t>
        <a:bodyPr/>
        <a:lstStyle/>
        <a:p>
          <a:r>
            <a:rPr lang="en-US" sz="2800" dirty="0" smtClean="0">
              <a:solidFill>
                <a:schemeClr val="bg1"/>
              </a:solidFill>
            </a:rPr>
            <a:t>Legacy Uses, Environmental Liability</a:t>
          </a:r>
          <a:endParaRPr lang="en-US" sz="2800" dirty="0">
            <a:solidFill>
              <a:schemeClr val="bg1"/>
            </a:solidFill>
          </a:endParaRPr>
        </a:p>
      </dgm:t>
    </dgm:pt>
    <dgm:pt modelId="{0D777959-B243-4581-9375-214224AEB33F}" type="parTrans" cxnId="{ADF1E1C9-D038-4B23-8E7B-D4EBA6121D8E}">
      <dgm:prSet/>
      <dgm:spPr/>
      <dgm:t>
        <a:bodyPr/>
        <a:lstStyle/>
        <a:p>
          <a:endParaRPr lang="en-US" sz="2400"/>
        </a:p>
      </dgm:t>
    </dgm:pt>
    <dgm:pt modelId="{D12A878B-92F7-4175-A852-E883B40B4912}" type="sibTrans" cxnId="{ADF1E1C9-D038-4B23-8E7B-D4EBA6121D8E}">
      <dgm:prSet/>
      <dgm:spPr/>
      <dgm:t>
        <a:bodyPr/>
        <a:lstStyle/>
        <a:p>
          <a:endParaRPr lang="en-US" sz="2400"/>
        </a:p>
      </dgm:t>
    </dgm:pt>
    <dgm:pt modelId="{E8D54C1C-9CBD-4DC9-A202-14B4ECF86B16}">
      <dgm:prSet phldrT="[Text]" custT="1"/>
      <dgm:spPr/>
      <dgm:t>
        <a:bodyPr/>
        <a:lstStyle/>
        <a:p>
          <a:r>
            <a:rPr lang="en-US" sz="2800" dirty="0" smtClean="0"/>
            <a:t>Replacements, Product Stewardship, Best Practices</a:t>
          </a:r>
          <a:endParaRPr lang="en-US" sz="2800" dirty="0"/>
        </a:p>
      </dgm:t>
    </dgm:pt>
    <dgm:pt modelId="{A3CDA79E-5270-4ACD-855F-2220BF7E872A}" type="parTrans" cxnId="{DEB3C1BF-9A1F-4DC7-BD57-7338DB4286CA}">
      <dgm:prSet/>
      <dgm:spPr/>
      <dgm:t>
        <a:bodyPr/>
        <a:lstStyle/>
        <a:p>
          <a:endParaRPr lang="en-US" sz="2400"/>
        </a:p>
      </dgm:t>
    </dgm:pt>
    <dgm:pt modelId="{0CD59840-5ED2-48CE-A925-CA07CDBF2C82}" type="sibTrans" cxnId="{DEB3C1BF-9A1F-4DC7-BD57-7338DB4286CA}">
      <dgm:prSet/>
      <dgm:spPr/>
      <dgm:t>
        <a:bodyPr/>
        <a:lstStyle/>
        <a:p>
          <a:endParaRPr lang="en-US" sz="2400"/>
        </a:p>
      </dgm:t>
    </dgm:pt>
    <dgm:pt modelId="{BA675957-A4E3-4FA6-8A33-40C19A607CCA}" type="pres">
      <dgm:prSet presAssocID="{244312F3-4EDE-4609-80B7-4B68372B3D44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DBB6EFC6-83F0-4ABC-B9F3-93CC2E00420B}" type="pres">
      <dgm:prSet presAssocID="{EA0D2AD5-65EF-4206-A77E-654CF5978252}" presName="arrow" presStyleLbl="node1" presStyleIdx="0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CC65DB9-5751-4DDB-AD8A-B5F039530F3D}" type="pres">
      <dgm:prSet presAssocID="{E8D54C1C-9CBD-4DC9-A202-14B4ECF86B16}" presName="arrow" presStyleLbl="node1" presStyleIdx="1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1DB5E42-F9D5-4C30-B9F0-CAEC895493C5}" type="presOf" srcId="{244312F3-4EDE-4609-80B7-4B68372B3D44}" destId="{BA675957-A4E3-4FA6-8A33-40C19A607CCA}" srcOrd="0" destOrd="0" presId="urn:microsoft.com/office/officeart/2005/8/layout/arrow1"/>
    <dgm:cxn modelId="{DEB3C1BF-9A1F-4DC7-BD57-7338DB4286CA}" srcId="{244312F3-4EDE-4609-80B7-4B68372B3D44}" destId="{E8D54C1C-9CBD-4DC9-A202-14B4ECF86B16}" srcOrd="1" destOrd="0" parTransId="{A3CDA79E-5270-4ACD-855F-2220BF7E872A}" sibTransId="{0CD59840-5ED2-48CE-A925-CA07CDBF2C82}"/>
    <dgm:cxn modelId="{FA7BC827-1A11-41BF-AEE7-CD12D63070AF}" type="presOf" srcId="{EA0D2AD5-65EF-4206-A77E-654CF5978252}" destId="{DBB6EFC6-83F0-4ABC-B9F3-93CC2E00420B}" srcOrd="0" destOrd="0" presId="urn:microsoft.com/office/officeart/2005/8/layout/arrow1"/>
    <dgm:cxn modelId="{ACFE0F5B-1589-4E3C-95C4-6E727C0B127C}" type="presOf" srcId="{E8D54C1C-9CBD-4DC9-A202-14B4ECF86B16}" destId="{5CC65DB9-5751-4DDB-AD8A-B5F039530F3D}" srcOrd="0" destOrd="0" presId="urn:microsoft.com/office/officeart/2005/8/layout/arrow1"/>
    <dgm:cxn modelId="{ADF1E1C9-D038-4B23-8E7B-D4EBA6121D8E}" srcId="{244312F3-4EDE-4609-80B7-4B68372B3D44}" destId="{EA0D2AD5-65EF-4206-A77E-654CF5978252}" srcOrd="0" destOrd="0" parTransId="{0D777959-B243-4581-9375-214224AEB33F}" sibTransId="{D12A878B-92F7-4175-A852-E883B40B4912}"/>
    <dgm:cxn modelId="{5368AC9E-8594-4678-A964-7818D88A4EFD}" type="presParOf" srcId="{BA675957-A4E3-4FA6-8A33-40C19A607CCA}" destId="{DBB6EFC6-83F0-4ABC-B9F3-93CC2E00420B}" srcOrd="0" destOrd="0" presId="urn:microsoft.com/office/officeart/2005/8/layout/arrow1"/>
    <dgm:cxn modelId="{B26B1002-4B4D-4DF4-A5FA-8ADC4C821375}" type="presParOf" srcId="{BA675957-A4E3-4FA6-8A33-40C19A607CCA}" destId="{5CC65DB9-5751-4DDB-AD8A-B5F039530F3D}" srcOrd="1" destOrd="0" presId="urn:microsoft.com/office/officeart/2005/8/layout/arrow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44312F3-4EDE-4609-80B7-4B68372B3D44}" type="doc">
      <dgm:prSet loTypeId="urn:microsoft.com/office/officeart/2005/8/layout/arrow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A0D2AD5-65EF-4206-A77E-654CF5978252}">
      <dgm:prSet phldrT="[Text]" custT="1"/>
      <dgm:spPr/>
      <dgm:t>
        <a:bodyPr/>
        <a:lstStyle/>
        <a:p>
          <a:r>
            <a:rPr lang="en-US" sz="1800" dirty="0" smtClean="0"/>
            <a:t>PFOS</a:t>
          </a:r>
          <a:endParaRPr lang="en-US" sz="1800" dirty="0"/>
        </a:p>
      </dgm:t>
    </dgm:pt>
    <dgm:pt modelId="{D12A878B-92F7-4175-A852-E883B40B4912}" type="sibTrans" cxnId="{ADF1E1C9-D038-4B23-8E7B-D4EBA6121D8E}">
      <dgm:prSet/>
      <dgm:spPr/>
      <dgm:t>
        <a:bodyPr/>
        <a:lstStyle/>
        <a:p>
          <a:endParaRPr lang="en-US" sz="1600"/>
        </a:p>
      </dgm:t>
    </dgm:pt>
    <dgm:pt modelId="{0D777959-B243-4581-9375-214224AEB33F}" type="parTrans" cxnId="{ADF1E1C9-D038-4B23-8E7B-D4EBA6121D8E}">
      <dgm:prSet/>
      <dgm:spPr/>
      <dgm:t>
        <a:bodyPr/>
        <a:lstStyle/>
        <a:p>
          <a:endParaRPr lang="en-US" sz="1600"/>
        </a:p>
      </dgm:t>
    </dgm:pt>
    <dgm:pt modelId="{E8D54C1C-9CBD-4DC9-A202-14B4ECF86B16}">
      <dgm:prSet phldrT="[Text]" custT="1"/>
      <dgm:spPr/>
      <dgm:t>
        <a:bodyPr/>
        <a:lstStyle/>
        <a:p>
          <a:r>
            <a:rPr lang="en-US" sz="1800" dirty="0" smtClean="0"/>
            <a:t>6:2 FTS</a:t>
          </a:r>
          <a:endParaRPr lang="en-US" sz="1800" dirty="0"/>
        </a:p>
      </dgm:t>
    </dgm:pt>
    <dgm:pt modelId="{0CD59840-5ED2-48CE-A925-CA07CDBF2C82}" type="sibTrans" cxnId="{DEB3C1BF-9A1F-4DC7-BD57-7338DB4286CA}">
      <dgm:prSet/>
      <dgm:spPr/>
      <dgm:t>
        <a:bodyPr/>
        <a:lstStyle/>
        <a:p>
          <a:endParaRPr lang="en-US" sz="1600"/>
        </a:p>
      </dgm:t>
    </dgm:pt>
    <dgm:pt modelId="{A3CDA79E-5270-4ACD-855F-2220BF7E872A}" type="parTrans" cxnId="{DEB3C1BF-9A1F-4DC7-BD57-7338DB4286CA}">
      <dgm:prSet/>
      <dgm:spPr/>
      <dgm:t>
        <a:bodyPr/>
        <a:lstStyle/>
        <a:p>
          <a:endParaRPr lang="en-US" sz="1600"/>
        </a:p>
      </dgm:t>
    </dgm:pt>
    <dgm:pt modelId="{BA675957-A4E3-4FA6-8A33-40C19A607CCA}" type="pres">
      <dgm:prSet presAssocID="{244312F3-4EDE-4609-80B7-4B68372B3D44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DBB6EFC6-83F0-4ABC-B9F3-93CC2E00420B}" type="pres">
      <dgm:prSet presAssocID="{EA0D2AD5-65EF-4206-A77E-654CF5978252}" presName="arrow" presStyleLbl="node1" presStyleIdx="0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CC65DB9-5751-4DDB-AD8A-B5F039530F3D}" type="pres">
      <dgm:prSet presAssocID="{E8D54C1C-9CBD-4DC9-A202-14B4ECF86B16}" presName="arrow" presStyleLbl="node1" presStyleIdx="1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2F24C39E-3EA0-4B99-9CA6-038DEBCE6A19}" type="presOf" srcId="{E8D54C1C-9CBD-4DC9-A202-14B4ECF86B16}" destId="{5CC65DB9-5751-4DDB-AD8A-B5F039530F3D}" srcOrd="0" destOrd="0" presId="urn:microsoft.com/office/officeart/2005/8/layout/arrow1"/>
    <dgm:cxn modelId="{C39D1CB9-EBB4-4497-93FD-45615E84EE03}" type="presOf" srcId="{EA0D2AD5-65EF-4206-A77E-654CF5978252}" destId="{DBB6EFC6-83F0-4ABC-B9F3-93CC2E00420B}" srcOrd="0" destOrd="0" presId="urn:microsoft.com/office/officeart/2005/8/layout/arrow1"/>
    <dgm:cxn modelId="{DEB3C1BF-9A1F-4DC7-BD57-7338DB4286CA}" srcId="{244312F3-4EDE-4609-80B7-4B68372B3D44}" destId="{E8D54C1C-9CBD-4DC9-A202-14B4ECF86B16}" srcOrd="1" destOrd="0" parTransId="{A3CDA79E-5270-4ACD-855F-2220BF7E872A}" sibTransId="{0CD59840-5ED2-48CE-A925-CA07CDBF2C82}"/>
    <dgm:cxn modelId="{C1869514-0EA5-4EA1-A85C-E0D0A39066F9}" type="presOf" srcId="{244312F3-4EDE-4609-80B7-4B68372B3D44}" destId="{BA675957-A4E3-4FA6-8A33-40C19A607CCA}" srcOrd="0" destOrd="0" presId="urn:microsoft.com/office/officeart/2005/8/layout/arrow1"/>
    <dgm:cxn modelId="{ADF1E1C9-D038-4B23-8E7B-D4EBA6121D8E}" srcId="{244312F3-4EDE-4609-80B7-4B68372B3D44}" destId="{EA0D2AD5-65EF-4206-A77E-654CF5978252}" srcOrd="0" destOrd="0" parTransId="{0D777959-B243-4581-9375-214224AEB33F}" sibTransId="{D12A878B-92F7-4175-A852-E883B40B4912}"/>
    <dgm:cxn modelId="{F66507B5-69C3-4C86-81E1-2F89A1B0A486}" type="presParOf" srcId="{BA675957-A4E3-4FA6-8A33-40C19A607CCA}" destId="{DBB6EFC6-83F0-4ABC-B9F3-93CC2E00420B}" srcOrd="0" destOrd="0" presId="urn:microsoft.com/office/officeart/2005/8/layout/arrow1"/>
    <dgm:cxn modelId="{5A6A5744-30C4-4281-A001-F40159DB7153}" type="presParOf" srcId="{BA675957-A4E3-4FA6-8A33-40C19A607CCA}" destId="{5CC65DB9-5751-4DDB-AD8A-B5F039530F3D}" srcOrd="1" destOrd="0" presId="urn:microsoft.com/office/officeart/2005/8/layout/arrow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E38D39D4-40C6-45B3-ACFB-2FD05EB534C2}" type="doc">
      <dgm:prSet loTypeId="urn:microsoft.com/office/officeart/2005/8/layout/vList3" loCatId="list" qsTypeId="urn:microsoft.com/office/officeart/2005/8/quickstyle/simple1" qsCatId="simple" csTypeId="urn:microsoft.com/office/officeart/2005/8/colors/accent1_2" csCatId="accent1" phldr="1"/>
      <dgm:spPr/>
    </dgm:pt>
    <dgm:pt modelId="{BE58FFBE-9CCE-4E68-9049-F838133A0661}">
      <dgm:prSet phldrT="[Text]" custT="1"/>
      <dgm:spPr/>
      <dgm:t>
        <a:bodyPr/>
        <a:lstStyle/>
        <a:p>
          <a:r>
            <a:rPr lang="en-US" sz="2800" dirty="0" smtClean="0"/>
            <a:t>Why is there still residual PFOS in chrome plating shop effluent today?</a:t>
          </a:r>
          <a:endParaRPr lang="en-US" sz="2800" dirty="0"/>
        </a:p>
      </dgm:t>
    </dgm:pt>
    <dgm:pt modelId="{64EF9D22-3BE6-48BA-9A35-3CD86AF3594D}" type="parTrans" cxnId="{0FC84666-7773-4EC3-895D-31859ED36B57}">
      <dgm:prSet/>
      <dgm:spPr/>
      <dgm:t>
        <a:bodyPr/>
        <a:lstStyle/>
        <a:p>
          <a:endParaRPr lang="en-US"/>
        </a:p>
      </dgm:t>
    </dgm:pt>
    <dgm:pt modelId="{BE663AC2-2453-4BE2-BEC1-3679C682A035}" type="sibTrans" cxnId="{0FC84666-7773-4EC3-895D-31859ED36B57}">
      <dgm:prSet/>
      <dgm:spPr/>
      <dgm:t>
        <a:bodyPr/>
        <a:lstStyle/>
        <a:p>
          <a:endParaRPr lang="en-US"/>
        </a:p>
      </dgm:t>
    </dgm:pt>
    <dgm:pt modelId="{D3AED8E7-167B-46BA-B222-359052807331}">
      <dgm:prSet phldrT="[Text]" custT="1"/>
      <dgm:spPr/>
      <dgm:t>
        <a:bodyPr/>
        <a:lstStyle/>
        <a:p>
          <a:r>
            <a:rPr lang="en-US" sz="2600" dirty="0" smtClean="0"/>
            <a:t>What is in current PFAS formulations and what data supports its continued use?</a:t>
          </a:r>
          <a:endParaRPr lang="en-US" sz="2600" dirty="0"/>
        </a:p>
      </dgm:t>
    </dgm:pt>
    <dgm:pt modelId="{8A00A9A0-05B6-4BBB-A0CD-5613035E3DFB}" type="parTrans" cxnId="{039CD6C8-9B9E-493F-9483-FBFAC5251922}">
      <dgm:prSet/>
      <dgm:spPr/>
      <dgm:t>
        <a:bodyPr/>
        <a:lstStyle/>
        <a:p>
          <a:endParaRPr lang="en-US"/>
        </a:p>
      </dgm:t>
    </dgm:pt>
    <dgm:pt modelId="{664ED1E3-86C4-4C77-9C25-57E8188CA198}" type="sibTrans" cxnId="{039CD6C8-9B9E-493F-9483-FBFAC5251922}">
      <dgm:prSet/>
      <dgm:spPr/>
      <dgm:t>
        <a:bodyPr/>
        <a:lstStyle/>
        <a:p>
          <a:endParaRPr lang="en-US"/>
        </a:p>
      </dgm:t>
    </dgm:pt>
    <dgm:pt modelId="{B38751C5-5D34-4E98-B407-D952320774AC}">
      <dgm:prSet phldrT="[Text]" custT="1"/>
      <dgm:spPr/>
      <dgm:t>
        <a:bodyPr/>
        <a:lstStyle/>
        <a:p>
          <a:r>
            <a:rPr lang="en-US" sz="2400" dirty="0" smtClean="0"/>
            <a:t>What contribution do plating shops have to the overall load of PFAS into POTWs/WWTPs?</a:t>
          </a:r>
          <a:endParaRPr lang="en-US" sz="2400" dirty="0"/>
        </a:p>
      </dgm:t>
    </dgm:pt>
    <dgm:pt modelId="{9DD65840-B788-4342-A06E-494B281EC4AE}" type="sibTrans" cxnId="{C76EED51-5FCC-489E-AFC7-FDE24A58E2F2}">
      <dgm:prSet/>
      <dgm:spPr/>
      <dgm:t>
        <a:bodyPr/>
        <a:lstStyle/>
        <a:p>
          <a:endParaRPr lang="en-US"/>
        </a:p>
      </dgm:t>
    </dgm:pt>
    <dgm:pt modelId="{90321EC5-96CB-437F-8AFD-79540AC1617F}" type="parTrans" cxnId="{C76EED51-5FCC-489E-AFC7-FDE24A58E2F2}">
      <dgm:prSet/>
      <dgm:spPr/>
      <dgm:t>
        <a:bodyPr/>
        <a:lstStyle/>
        <a:p>
          <a:endParaRPr lang="en-US"/>
        </a:p>
      </dgm:t>
    </dgm:pt>
    <dgm:pt modelId="{3F94C54F-A3F6-4670-AD52-4D890F3C390E}">
      <dgm:prSet phldrT="[Text]" custT="1"/>
      <dgm:spPr/>
      <dgm:t>
        <a:bodyPr/>
        <a:lstStyle/>
        <a:p>
          <a:r>
            <a:rPr lang="en-US" sz="2800" dirty="0" smtClean="0"/>
            <a:t>How to best engage and educate key stakeholders? </a:t>
          </a:r>
          <a:endParaRPr lang="en-US" sz="2800" dirty="0"/>
        </a:p>
      </dgm:t>
    </dgm:pt>
    <dgm:pt modelId="{C0465F0C-DFC7-435B-8818-F7934EB0239C}" type="parTrans" cxnId="{15BC2BC9-0767-4F05-9AF4-CF56A4F753F3}">
      <dgm:prSet/>
      <dgm:spPr/>
      <dgm:t>
        <a:bodyPr/>
        <a:lstStyle/>
        <a:p>
          <a:endParaRPr lang="en-US"/>
        </a:p>
      </dgm:t>
    </dgm:pt>
    <dgm:pt modelId="{9E0FFB47-6079-4DCD-BD3D-C685F8305940}" type="sibTrans" cxnId="{15BC2BC9-0767-4F05-9AF4-CF56A4F753F3}">
      <dgm:prSet/>
      <dgm:spPr/>
      <dgm:t>
        <a:bodyPr/>
        <a:lstStyle/>
        <a:p>
          <a:endParaRPr lang="en-US"/>
        </a:p>
      </dgm:t>
    </dgm:pt>
    <dgm:pt modelId="{A58813A1-3182-4DB0-9034-727E157AC375}" type="pres">
      <dgm:prSet presAssocID="{E38D39D4-40C6-45B3-ACFB-2FD05EB534C2}" presName="linearFlow" presStyleCnt="0">
        <dgm:presLayoutVars>
          <dgm:dir/>
          <dgm:resizeHandles val="exact"/>
        </dgm:presLayoutVars>
      </dgm:prSet>
      <dgm:spPr/>
    </dgm:pt>
    <dgm:pt modelId="{5F5B5CBC-F8F1-4964-90E8-399E661E7EF9}" type="pres">
      <dgm:prSet presAssocID="{3F94C54F-A3F6-4670-AD52-4D890F3C390E}" presName="composite" presStyleCnt="0"/>
      <dgm:spPr/>
    </dgm:pt>
    <dgm:pt modelId="{0D446ED7-0E4F-4CE9-B349-2DEC4F6CEEF4}" type="pres">
      <dgm:prSet presAssocID="{3F94C54F-A3F6-4670-AD52-4D890F3C390E}" presName="imgShp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F7502362-071B-42D1-B843-6DB629616871}" type="pres">
      <dgm:prSet presAssocID="{3F94C54F-A3F6-4670-AD52-4D890F3C390E}" presName="txShp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251BB5-2D97-43B7-A8F4-8F19EF609131}" type="pres">
      <dgm:prSet presAssocID="{9E0FFB47-6079-4DCD-BD3D-C685F8305940}" presName="spacing" presStyleCnt="0"/>
      <dgm:spPr/>
    </dgm:pt>
    <dgm:pt modelId="{03808492-8B98-4479-A146-E22ACEFCF5CC}" type="pres">
      <dgm:prSet presAssocID="{BE58FFBE-9CCE-4E68-9049-F838133A0661}" presName="composite" presStyleCnt="0"/>
      <dgm:spPr/>
    </dgm:pt>
    <dgm:pt modelId="{D5FF95F8-36F0-4763-9CF6-C0FF1A4DA4BE}" type="pres">
      <dgm:prSet presAssocID="{BE58FFBE-9CCE-4E68-9049-F838133A0661}" presName="imgShp" presStyleLbl="fgImgPlace1" presStyleIdx="1" presStyleCnt="4" custLinFactNeighborX="199" custLinFactNeighborY="-4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BF0C469-96DC-4B53-AC0E-DC9702C27BCB}" type="pres">
      <dgm:prSet presAssocID="{BE58FFBE-9CCE-4E68-9049-F838133A0661}" presName="txShp" presStyleLbl="node1" presStyleIdx="1" presStyleCnt="4" custScaleX="10505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07EB20F-5262-4FFD-870A-74D0C1E35577}" type="pres">
      <dgm:prSet presAssocID="{BE663AC2-2453-4BE2-BEC1-3679C682A035}" presName="spacing" presStyleCnt="0"/>
      <dgm:spPr/>
    </dgm:pt>
    <dgm:pt modelId="{00C80FE1-DCEF-431D-AEB9-DEE5E7BC57C8}" type="pres">
      <dgm:prSet presAssocID="{D3AED8E7-167B-46BA-B222-359052807331}" presName="composite" presStyleCnt="0"/>
      <dgm:spPr/>
    </dgm:pt>
    <dgm:pt modelId="{9220162B-4539-43B9-BA53-66D2378F935B}" type="pres">
      <dgm:prSet presAssocID="{D3AED8E7-167B-46BA-B222-359052807331}" presName="imgShp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966B6530-C0E3-4061-BBD7-8096CBCCF3F9}" type="pres">
      <dgm:prSet presAssocID="{D3AED8E7-167B-46BA-B222-359052807331}" presName="txShp" presStyleLbl="node1" presStyleIdx="2" presStyleCnt="4" custScaleX="10436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AEC0A7-9CCA-46AE-BCB4-29EF35037878}" type="pres">
      <dgm:prSet presAssocID="{664ED1E3-86C4-4C77-9C25-57E8188CA198}" presName="spacing" presStyleCnt="0"/>
      <dgm:spPr/>
    </dgm:pt>
    <dgm:pt modelId="{62EBC660-6B4A-4C5A-94C4-D4464171CF62}" type="pres">
      <dgm:prSet presAssocID="{B38751C5-5D34-4E98-B407-D952320774AC}" presName="composite" presStyleCnt="0"/>
      <dgm:spPr/>
    </dgm:pt>
    <dgm:pt modelId="{4BBE399E-D8FA-4AFA-91F9-931FA341EB30}" type="pres">
      <dgm:prSet presAssocID="{B38751C5-5D34-4E98-B407-D952320774AC}" presName="imgShp" presStyleLbl="fgImgPlace1" presStyleIdx="3" presStyleCnt="4" custLinFactNeighborX="199" custLinFactNeighborY="5768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  <dgm:pt modelId="{3AEB5511-C09A-4EC4-95A8-8FFCE483D537}" type="pres">
      <dgm:prSet presAssocID="{B38751C5-5D34-4E98-B407-D952320774AC}" presName="txShp" presStyleLbl="node1" presStyleIdx="3" presStyleCnt="4" custScaleX="10505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E2E3117F-6896-4E73-BDF1-7826C803EF85}" type="presOf" srcId="{D3AED8E7-167B-46BA-B222-359052807331}" destId="{966B6530-C0E3-4061-BBD7-8096CBCCF3F9}" srcOrd="0" destOrd="0" presId="urn:microsoft.com/office/officeart/2005/8/layout/vList3"/>
    <dgm:cxn modelId="{C76EED51-5FCC-489E-AFC7-FDE24A58E2F2}" srcId="{E38D39D4-40C6-45B3-ACFB-2FD05EB534C2}" destId="{B38751C5-5D34-4E98-B407-D952320774AC}" srcOrd="3" destOrd="0" parTransId="{90321EC5-96CB-437F-8AFD-79540AC1617F}" sibTransId="{9DD65840-B788-4342-A06E-494B281EC4AE}"/>
    <dgm:cxn modelId="{15BC2BC9-0767-4F05-9AF4-CF56A4F753F3}" srcId="{E38D39D4-40C6-45B3-ACFB-2FD05EB534C2}" destId="{3F94C54F-A3F6-4670-AD52-4D890F3C390E}" srcOrd="0" destOrd="0" parTransId="{C0465F0C-DFC7-435B-8818-F7934EB0239C}" sibTransId="{9E0FFB47-6079-4DCD-BD3D-C685F8305940}"/>
    <dgm:cxn modelId="{0FC84666-7773-4EC3-895D-31859ED36B57}" srcId="{E38D39D4-40C6-45B3-ACFB-2FD05EB534C2}" destId="{BE58FFBE-9CCE-4E68-9049-F838133A0661}" srcOrd="1" destOrd="0" parTransId="{64EF9D22-3BE6-48BA-9A35-3CD86AF3594D}" sibTransId="{BE663AC2-2453-4BE2-BEC1-3679C682A035}"/>
    <dgm:cxn modelId="{79390118-77D4-4598-93F1-4C6F03B1C6AB}" type="presOf" srcId="{BE58FFBE-9CCE-4E68-9049-F838133A0661}" destId="{6BF0C469-96DC-4B53-AC0E-DC9702C27BCB}" srcOrd="0" destOrd="0" presId="urn:microsoft.com/office/officeart/2005/8/layout/vList3"/>
    <dgm:cxn modelId="{BB63B0D3-F90D-46C2-B466-BC2DC7890A9B}" type="presOf" srcId="{E38D39D4-40C6-45B3-ACFB-2FD05EB534C2}" destId="{A58813A1-3182-4DB0-9034-727E157AC375}" srcOrd="0" destOrd="0" presId="urn:microsoft.com/office/officeart/2005/8/layout/vList3"/>
    <dgm:cxn modelId="{CD725AD1-6789-4DA1-9C0F-FE1ADAA0700B}" type="presOf" srcId="{3F94C54F-A3F6-4670-AD52-4D890F3C390E}" destId="{F7502362-071B-42D1-B843-6DB629616871}" srcOrd="0" destOrd="0" presId="urn:microsoft.com/office/officeart/2005/8/layout/vList3"/>
    <dgm:cxn modelId="{039CD6C8-9B9E-493F-9483-FBFAC5251922}" srcId="{E38D39D4-40C6-45B3-ACFB-2FD05EB534C2}" destId="{D3AED8E7-167B-46BA-B222-359052807331}" srcOrd="2" destOrd="0" parTransId="{8A00A9A0-05B6-4BBB-A0CD-5613035E3DFB}" sibTransId="{664ED1E3-86C4-4C77-9C25-57E8188CA198}"/>
    <dgm:cxn modelId="{95382DA3-248C-4A18-BCA2-DA8D7B1A39A7}" type="presOf" srcId="{B38751C5-5D34-4E98-B407-D952320774AC}" destId="{3AEB5511-C09A-4EC4-95A8-8FFCE483D537}" srcOrd="0" destOrd="0" presId="urn:microsoft.com/office/officeart/2005/8/layout/vList3"/>
    <dgm:cxn modelId="{BF07E141-2733-44FF-ACA0-48B25B990577}" type="presParOf" srcId="{A58813A1-3182-4DB0-9034-727E157AC375}" destId="{5F5B5CBC-F8F1-4964-90E8-399E661E7EF9}" srcOrd="0" destOrd="0" presId="urn:microsoft.com/office/officeart/2005/8/layout/vList3"/>
    <dgm:cxn modelId="{B433260E-211B-4857-9EC2-D807CC2A609D}" type="presParOf" srcId="{5F5B5CBC-F8F1-4964-90E8-399E661E7EF9}" destId="{0D446ED7-0E4F-4CE9-B349-2DEC4F6CEEF4}" srcOrd="0" destOrd="0" presId="urn:microsoft.com/office/officeart/2005/8/layout/vList3"/>
    <dgm:cxn modelId="{C526BD8C-4097-4977-BE9C-5302BDBE09ED}" type="presParOf" srcId="{5F5B5CBC-F8F1-4964-90E8-399E661E7EF9}" destId="{F7502362-071B-42D1-B843-6DB629616871}" srcOrd="1" destOrd="0" presId="urn:microsoft.com/office/officeart/2005/8/layout/vList3"/>
    <dgm:cxn modelId="{C3995982-F21A-4C9B-ACC8-9E5907AE2B12}" type="presParOf" srcId="{A58813A1-3182-4DB0-9034-727E157AC375}" destId="{4E251BB5-2D97-43B7-A8F4-8F19EF609131}" srcOrd="1" destOrd="0" presId="urn:microsoft.com/office/officeart/2005/8/layout/vList3"/>
    <dgm:cxn modelId="{F6F1290D-13D7-4ACC-B48F-4862C4F4BEEF}" type="presParOf" srcId="{A58813A1-3182-4DB0-9034-727E157AC375}" destId="{03808492-8B98-4479-A146-E22ACEFCF5CC}" srcOrd="2" destOrd="0" presId="urn:microsoft.com/office/officeart/2005/8/layout/vList3"/>
    <dgm:cxn modelId="{C0D53BE6-B07F-4B49-BCC2-5EBE6D74CDC0}" type="presParOf" srcId="{03808492-8B98-4479-A146-E22ACEFCF5CC}" destId="{D5FF95F8-36F0-4763-9CF6-C0FF1A4DA4BE}" srcOrd="0" destOrd="0" presId="urn:microsoft.com/office/officeart/2005/8/layout/vList3"/>
    <dgm:cxn modelId="{0D9AADC2-3AD2-4A1B-AC57-E4B4CB5297D9}" type="presParOf" srcId="{03808492-8B98-4479-A146-E22ACEFCF5CC}" destId="{6BF0C469-96DC-4B53-AC0E-DC9702C27BCB}" srcOrd="1" destOrd="0" presId="urn:microsoft.com/office/officeart/2005/8/layout/vList3"/>
    <dgm:cxn modelId="{EB2071FE-3E09-465D-85B1-3A6172F4A2B5}" type="presParOf" srcId="{A58813A1-3182-4DB0-9034-727E157AC375}" destId="{107EB20F-5262-4FFD-870A-74D0C1E35577}" srcOrd="3" destOrd="0" presId="urn:microsoft.com/office/officeart/2005/8/layout/vList3"/>
    <dgm:cxn modelId="{2688F32B-5BB3-4EDA-B5DF-F9038E957A74}" type="presParOf" srcId="{A58813A1-3182-4DB0-9034-727E157AC375}" destId="{00C80FE1-DCEF-431D-AEB9-DEE5E7BC57C8}" srcOrd="4" destOrd="0" presId="urn:microsoft.com/office/officeart/2005/8/layout/vList3"/>
    <dgm:cxn modelId="{84DAD8E5-58B7-4E0B-A6A5-97879B187358}" type="presParOf" srcId="{00C80FE1-DCEF-431D-AEB9-DEE5E7BC57C8}" destId="{9220162B-4539-43B9-BA53-66D2378F935B}" srcOrd="0" destOrd="0" presId="urn:microsoft.com/office/officeart/2005/8/layout/vList3"/>
    <dgm:cxn modelId="{C83AA125-9B06-41A2-AB12-AF69309E2D99}" type="presParOf" srcId="{00C80FE1-DCEF-431D-AEB9-DEE5E7BC57C8}" destId="{966B6530-C0E3-4061-BBD7-8096CBCCF3F9}" srcOrd="1" destOrd="0" presId="urn:microsoft.com/office/officeart/2005/8/layout/vList3"/>
    <dgm:cxn modelId="{332E873C-B495-4D28-B821-7C01DA20C94D}" type="presParOf" srcId="{A58813A1-3182-4DB0-9034-727E157AC375}" destId="{56AEC0A7-9CCA-46AE-BCB4-29EF35037878}" srcOrd="5" destOrd="0" presId="urn:microsoft.com/office/officeart/2005/8/layout/vList3"/>
    <dgm:cxn modelId="{B8A628B6-141D-45F6-AA94-3D31FE35096B}" type="presParOf" srcId="{A58813A1-3182-4DB0-9034-727E157AC375}" destId="{62EBC660-6B4A-4C5A-94C4-D4464171CF62}" srcOrd="6" destOrd="0" presId="urn:microsoft.com/office/officeart/2005/8/layout/vList3"/>
    <dgm:cxn modelId="{93AB65F0-0C5A-4E34-B24F-7D7548972AB9}" type="presParOf" srcId="{62EBC660-6B4A-4C5A-94C4-D4464171CF62}" destId="{4BBE399E-D8FA-4AFA-91F9-931FA341EB30}" srcOrd="0" destOrd="0" presId="urn:microsoft.com/office/officeart/2005/8/layout/vList3"/>
    <dgm:cxn modelId="{77C98468-8988-4582-81B4-D73A3245AB73}" type="presParOf" srcId="{62EBC660-6B4A-4C5A-94C4-D4464171CF62}" destId="{3AEB5511-C09A-4EC4-95A8-8FFCE483D537}" srcOrd="1" destOrd="0" presId="urn:microsoft.com/office/officeart/2005/8/layout/vLis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85F7BCCB-72D1-4A44-8367-1347D4BC176E}" type="doc">
      <dgm:prSet loTypeId="urn:microsoft.com/office/officeart/2008/layout/PictureStrips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87D7DE4-6674-48CA-9807-6AB795F99595}">
      <dgm:prSet custT="1"/>
      <dgm:spPr/>
      <dgm:t>
        <a:bodyPr/>
        <a:lstStyle/>
        <a:p>
          <a:pPr rtl="0"/>
          <a:r>
            <a:rPr lang="en-US" sz="2000" dirty="0" smtClean="0"/>
            <a:t>Regulation (PFOA, PFOS)</a:t>
          </a:r>
          <a:endParaRPr lang="en-US" sz="2000" dirty="0"/>
        </a:p>
      </dgm:t>
    </dgm:pt>
    <dgm:pt modelId="{A18637F6-AAF5-4FA1-8194-DF9A9F00C1B3}" type="parTrans" cxnId="{CE68FD7B-EF00-4F6E-96D1-823854F1968B}">
      <dgm:prSet/>
      <dgm:spPr/>
      <dgm:t>
        <a:bodyPr/>
        <a:lstStyle/>
        <a:p>
          <a:endParaRPr lang="en-US" sz="2400"/>
        </a:p>
      </dgm:t>
    </dgm:pt>
    <dgm:pt modelId="{58A010C1-11B5-4C10-94E1-59A1DD829ED6}" type="sibTrans" cxnId="{CE68FD7B-EF00-4F6E-96D1-823854F1968B}">
      <dgm:prSet/>
      <dgm:spPr/>
      <dgm:t>
        <a:bodyPr/>
        <a:lstStyle/>
        <a:p>
          <a:endParaRPr lang="en-US" sz="2400"/>
        </a:p>
      </dgm:t>
    </dgm:pt>
    <dgm:pt modelId="{2C472D33-C016-4A0E-B14C-563DE3BEFBD0}">
      <dgm:prSet custT="1"/>
      <dgm:spPr/>
      <dgm:t>
        <a:bodyPr/>
        <a:lstStyle/>
        <a:p>
          <a:pPr rtl="0"/>
          <a:r>
            <a:rPr lang="en-US" sz="1600" dirty="0" smtClean="0"/>
            <a:t>CERCLA - hazardous substance listing</a:t>
          </a:r>
          <a:endParaRPr lang="en-US" sz="1600" dirty="0"/>
        </a:p>
      </dgm:t>
    </dgm:pt>
    <dgm:pt modelId="{DF445FD3-60A3-494E-BC75-ED4C96C7DB72}" type="parTrans" cxnId="{A1C08FC5-D64D-49D6-8241-E553054E1D77}">
      <dgm:prSet/>
      <dgm:spPr/>
      <dgm:t>
        <a:bodyPr/>
        <a:lstStyle/>
        <a:p>
          <a:endParaRPr lang="en-US" sz="2400"/>
        </a:p>
      </dgm:t>
    </dgm:pt>
    <dgm:pt modelId="{8E2614B5-D72B-4CBB-A171-CC502948C4EC}" type="sibTrans" cxnId="{A1C08FC5-D64D-49D6-8241-E553054E1D77}">
      <dgm:prSet/>
      <dgm:spPr/>
      <dgm:t>
        <a:bodyPr/>
        <a:lstStyle/>
        <a:p>
          <a:endParaRPr lang="en-US" sz="2400"/>
        </a:p>
      </dgm:t>
    </dgm:pt>
    <dgm:pt modelId="{026B10C4-10C5-4299-9E3E-1DB693EEA360}">
      <dgm:prSet custT="1"/>
      <dgm:spPr/>
      <dgm:t>
        <a:bodyPr/>
        <a:lstStyle/>
        <a:p>
          <a:pPr rtl="0"/>
          <a:r>
            <a:rPr lang="en-US" sz="2000" smtClean="0"/>
            <a:t>Toxicology</a:t>
          </a:r>
          <a:endParaRPr lang="en-US" sz="2000"/>
        </a:p>
      </dgm:t>
    </dgm:pt>
    <dgm:pt modelId="{9A1216AE-563E-4004-A38B-65ED4FD3CD63}" type="parTrans" cxnId="{33298318-A134-49CC-B5C9-955905878716}">
      <dgm:prSet/>
      <dgm:spPr/>
      <dgm:t>
        <a:bodyPr/>
        <a:lstStyle/>
        <a:p>
          <a:endParaRPr lang="en-US" sz="2400"/>
        </a:p>
      </dgm:t>
    </dgm:pt>
    <dgm:pt modelId="{4250594E-AC85-446E-A8F2-A1C818B9C8EC}" type="sibTrans" cxnId="{33298318-A134-49CC-B5C9-955905878716}">
      <dgm:prSet/>
      <dgm:spPr/>
      <dgm:t>
        <a:bodyPr/>
        <a:lstStyle/>
        <a:p>
          <a:endParaRPr lang="en-US" sz="2400"/>
        </a:p>
      </dgm:t>
    </dgm:pt>
    <dgm:pt modelId="{D03B6A9F-BC5B-4966-8FBB-2B226E914DB6}">
      <dgm:prSet custT="1"/>
      <dgm:spPr/>
      <dgm:t>
        <a:bodyPr/>
        <a:lstStyle/>
        <a:p>
          <a:pPr rtl="0"/>
          <a:r>
            <a:rPr lang="en-US" sz="1600" dirty="0" smtClean="0"/>
            <a:t>Collaboration w/industry, academia</a:t>
          </a:r>
          <a:endParaRPr lang="en-US" sz="1600" dirty="0"/>
        </a:p>
      </dgm:t>
    </dgm:pt>
    <dgm:pt modelId="{1AC8336D-BEAD-469A-BC63-018C32A181BD}" type="parTrans" cxnId="{B4BFF004-CF21-4D1F-894F-204A11956DE3}">
      <dgm:prSet/>
      <dgm:spPr/>
      <dgm:t>
        <a:bodyPr/>
        <a:lstStyle/>
        <a:p>
          <a:endParaRPr lang="en-US" sz="2400"/>
        </a:p>
      </dgm:t>
    </dgm:pt>
    <dgm:pt modelId="{48EBECB7-C85C-4D57-853E-AA5DB18DFC41}" type="sibTrans" cxnId="{B4BFF004-CF21-4D1F-894F-204A11956DE3}">
      <dgm:prSet/>
      <dgm:spPr/>
      <dgm:t>
        <a:bodyPr/>
        <a:lstStyle/>
        <a:p>
          <a:endParaRPr lang="en-US" sz="2400"/>
        </a:p>
      </dgm:t>
    </dgm:pt>
    <dgm:pt modelId="{7A032F5D-AB53-4CAF-A2DC-2519326F00CE}">
      <dgm:prSet custT="1"/>
      <dgm:spPr/>
      <dgm:t>
        <a:bodyPr/>
        <a:lstStyle/>
        <a:p>
          <a:pPr rtl="0"/>
          <a:r>
            <a:rPr lang="en-US" sz="2000" dirty="0" smtClean="0"/>
            <a:t>Monitoring and Remediation</a:t>
          </a:r>
          <a:endParaRPr lang="en-US" sz="2000" dirty="0"/>
        </a:p>
      </dgm:t>
    </dgm:pt>
    <dgm:pt modelId="{0B57D038-9EBD-4CEF-8E36-F5F370E4E2D3}" type="parTrans" cxnId="{00D5B2BC-FE26-4FE3-9FDD-F618CF4243A4}">
      <dgm:prSet/>
      <dgm:spPr/>
      <dgm:t>
        <a:bodyPr/>
        <a:lstStyle/>
        <a:p>
          <a:endParaRPr lang="en-US" sz="2400"/>
        </a:p>
      </dgm:t>
    </dgm:pt>
    <dgm:pt modelId="{30D0C16C-A39E-48B1-91BB-EC8851685EAF}" type="sibTrans" cxnId="{00D5B2BC-FE26-4FE3-9FDD-F618CF4243A4}">
      <dgm:prSet/>
      <dgm:spPr/>
      <dgm:t>
        <a:bodyPr/>
        <a:lstStyle/>
        <a:p>
          <a:endParaRPr lang="en-US" sz="2400"/>
        </a:p>
      </dgm:t>
    </dgm:pt>
    <dgm:pt modelId="{85D3119A-14B2-43A0-8FA0-F00BF87DB966}">
      <dgm:prSet custT="1"/>
      <dgm:spPr/>
      <dgm:t>
        <a:bodyPr/>
        <a:lstStyle/>
        <a:p>
          <a:pPr rtl="0"/>
          <a:r>
            <a:rPr lang="en-US" sz="1600" dirty="0" smtClean="0"/>
            <a:t>Public water supplies - expand monitoring via UCMR4</a:t>
          </a:r>
          <a:endParaRPr lang="en-US" sz="1600" dirty="0"/>
        </a:p>
      </dgm:t>
    </dgm:pt>
    <dgm:pt modelId="{0F6D34DD-FCD4-487B-B8CF-429F4C248CDA}" type="parTrans" cxnId="{D85D0213-2F61-4562-9962-6AA31458E1A9}">
      <dgm:prSet/>
      <dgm:spPr/>
      <dgm:t>
        <a:bodyPr/>
        <a:lstStyle/>
        <a:p>
          <a:endParaRPr lang="en-US" sz="2400"/>
        </a:p>
      </dgm:t>
    </dgm:pt>
    <dgm:pt modelId="{1C1BA0C2-AA94-4418-860A-A054E489388A}" type="sibTrans" cxnId="{D85D0213-2F61-4562-9962-6AA31458E1A9}">
      <dgm:prSet/>
      <dgm:spPr/>
      <dgm:t>
        <a:bodyPr/>
        <a:lstStyle/>
        <a:p>
          <a:endParaRPr lang="en-US" sz="2400"/>
        </a:p>
      </dgm:t>
    </dgm:pt>
    <dgm:pt modelId="{DE2EA420-93CB-4080-957B-C10484E282DE}">
      <dgm:prSet custT="1"/>
      <dgm:spPr/>
      <dgm:t>
        <a:bodyPr/>
        <a:lstStyle/>
        <a:p>
          <a:pPr rtl="0"/>
          <a:r>
            <a:rPr lang="en-US" sz="2000" smtClean="0"/>
            <a:t>Risk Communication</a:t>
          </a:r>
          <a:endParaRPr lang="en-US" sz="2000"/>
        </a:p>
      </dgm:t>
    </dgm:pt>
    <dgm:pt modelId="{CB313C04-DDDD-458E-B102-823D74888C49}" type="parTrans" cxnId="{6E7C87DB-6A11-480D-BA59-E7B434B62E5D}">
      <dgm:prSet/>
      <dgm:spPr/>
      <dgm:t>
        <a:bodyPr/>
        <a:lstStyle/>
        <a:p>
          <a:endParaRPr lang="en-US" sz="2400"/>
        </a:p>
      </dgm:t>
    </dgm:pt>
    <dgm:pt modelId="{82CF23BE-8E4A-4804-8963-9711C7AAA223}" type="sibTrans" cxnId="{6E7C87DB-6A11-480D-BA59-E7B434B62E5D}">
      <dgm:prSet/>
      <dgm:spPr/>
      <dgm:t>
        <a:bodyPr/>
        <a:lstStyle/>
        <a:p>
          <a:endParaRPr lang="en-US" sz="2400"/>
        </a:p>
      </dgm:t>
    </dgm:pt>
    <dgm:pt modelId="{88D9D09F-E57E-47C4-A886-84398867749E}">
      <dgm:prSet custT="1"/>
      <dgm:spPr/>
      <dgm:t>
        <a:bodyPr/>
        <a:lstStyle/>
        <a:p>
          <a:pPr rtl="0"/>
          <a:r>
            <a:rPr lang="en-US" sz="1600" dirty="0" smtClean="0"/>
            <a:t>Risk communication toolbox</a:t>
          </a:r>
          <a:endParaRPr lang="en-US" sz="1600" dirty="0"/>
        </a:p>
      </dgm:t>
    </dgm:pt>
    <dgm:pt modelId="{E3A70C17-0B56-4C49-9A5E-8021F5EB985B}" type="parTrans" cxnId="{72DC9E2D-25D3-46B8-A41E-30BF50F3FEC9}">
      <dgm:prSet/>
      <dgm:spPr/>
      <dgm:t>
        <a:bodyPr/>
        <a:lstStyle/>
        <a:p>
          <a:endParaRPr lang="en-US" sz="2400"/>
        </a:p>
      </dgm:t>
    </dgm:pt>
    <dgm:pt modelId="{46119BAA-5DA2-4C69-B165-DBFA572B53AF}" type="sibTrans" cxnId="{72DC9E2D-25D3-46B8-A41E-30BF50F3FEC9}">
      <dgm:prSet/>
      <dgm:spPr/>
      <dgm:t>
        <a:bodyPr/>
        <a:lstStyle/>
        <a:p>
          <a:endParaRPr lang="en-US" sz="2400"/>
        </a:p>
      </dgm:t>
    </dgm:pt>
    <dgm:pt modelId="{7F3FF85A-CB9A-4106-8C0E-227F9F26F46F}">
      <dgm:prSet custT="1"/>
      <dgm:spPr/>
      <dgm:t>
        <a:bodyPr/>
        <a:lstStyle/>
        <a:p>
          <a:pPr rtl="0"/>
          <a:r>
            <a:rPr lang="en-US" sz="1600" dirty="0" smtClean="0"/>
            <a:t>SDWA - MCLs proposed in 2019</a:t>
          </a:r>
          <a:endParaRPr lang="en-US" sz="1600" dirty="0"/>
        </a:p>
      </dgm:t>
    </dgm:pt>
    <dgm:pt modelId="{779074FB-6576-4853-B19C-77DFEC2B621B}" type="parTrans" cxnId="{436CF3F8-315A-4753-9083-5AD12CEE38A5}">
      <dgm:prSet/>
      <dgm:spPr/>
      <dgm:t>
        <a:bodyPr/>
        <a:lstStyle/>
        <a:p>
          <a:endParaRPr lang="en-US" sz="2400"/>
        </a:p>
      </dgm:t>
    </dgm:pt>
    <dgm:pt modelId="{2FAFAE47-9E0E-4373-B09F-6F4D1FAC2276}" type="sibTrans" cxnId="{436CF3F8-315A-4753-9083-5AD12CEE38A5}">
      <dgm:prSet/>
      <dgm:spPr/>
      <dgm:t>
        <a:bodyPr/>
        <a:lstStyle/>
        <a:p>
          <a:endParaRPr lang="en-US" sz="2400"/>
        </a:p>
      </dgm:t>
    </dgm:pt>
    <dgm:pt modelId="{8DDAD1D0-BF98-4474-9E26-09CA6841971F}">
      <dgm:prSet custT="1"/>
      <dgm:spPr/>
      <dgm:t>
        <a:bodyPr/>
        <a:lstStyle/>
        <a:p>
          <a:pPr rtl="0"/>
          <a:r>
            <a:rPr lang="en-US" sz="1600" dirty="0" smtClean="0"/>
            <a:t>Interim cleanup levels</a:t>
          </a:r>
          <a:endParaRPr lang="en-US" sz="1600" dirty="0"/>
        </a:p>
      </dgm:t>
    </dgm:pt>
    <dgm:pt modelId="{4B36B5C0-D2F4-4DF6-ACF5-B70E169665A8}" type="parTrans" cxnId="{10A421EB-F751-4D31-9CE3-CF4B60A54D80}">
      <dgm:prSet/>
      <dgm:spPr/>
      <dgm:t>
        <a:bodyPr/>
        <a:lstStyle/>
        <a:p>
          <a:endParaRPr lang="en-US" sz="2400"/>
        </a:p>
      </dgm:t>
    </dgm:pt>
    <dgm:pt modelId="{416E7529-58AC-489E-B679-F06DBEB2B1EA}" type="sibTrans" cxnId="{10A421EB-F751-4D31-9CE3-CF4B60A54D80}">
      <dgm:prSet/>
      <dgm:spPr/>
      <dgm:t>
        <a:bodyPr/>
        <a:lstStyle/>
        <a:p>
          <a:endParaRPr lang="en-US" sz="2400"/>
        </a:p>
      </dgm:t>
    </dgm:pt>
    <dgm:pt modelId="{65055F7A-3F23-45AE-A968-D75F186F6DA5}">
      <dgm:prSet custT="1"/>
      <dgm:spPr/>
      <dgm:t>
        <a:bodyPr/>
        <a:lstStyle/>
        <a:p>
          <a:pPr rtl="0"/>
          <a:r>
            <a:rPr lang="en-US" sz="1600" dirty="0" smtClean="0"/>
            <a:t>Continue research on additional PFAS</a:t>
          </a:r>
          <a:endParaRPr lang="en-US" sz="1600" dirty="0"/>
        </a:p>
      </dgm:t>
    </dgm:pt>
    <dgm:pt modelId="{A3AFE7E7-DE3E-4A39-A7BB-836C588258B5}" type="parTrans" cxnId="{332ACBB5-1AAA-4297-B902-95DDFA80E82B}">
      <dgm:prSet/>
      <dgm:spPr/>
      <dgm:t>
        <a:bodyPr/>
        <a:lstStyle/>
        <a:p>
          <a:endParaRPr lang="en-US" sz="2400"/>
        </a:p>
      </dgm:t>
    </dgm:pt>
    <dgm:pt modelId="{FBEC5EB5-1DD9-497C-A4B7-0E532752D0F3}" type="sibTrans" cxnId="{332ACBB5-1AAA-4297-B902-95DDFA80E82B}">
      <dgm:prSet/>
      <dgm:spPr/>
      <dgm:t>
        <a:bodyPr/>
        <a:lstStyle/>
        <a:p>
          <a:endParaRPr lang="en-US" sz="2400"/>
        </a:p>
      </dgm:t>
    </dgm:pt>
    <dgm:pt modelId="{1C3618EC-0391-4B91-A60F-8331B4853E57}">
      <dgm:prSet custT="1"/>
      <dgm:spPr/>
      <dgm:t>
        <a:bodyPr/>
        <a:lstStyle/>
        <a:p>
          <a:pPr rtl="0"/>
          <a:r>
            <a:rPr lang="en-US" sz="1600" dirty="0" smtClean="0"/>
            <a:t>Consistency messaging across agencies</a:t>
          </a:r>
          <a:endParaRPr lang="en-US" sz="1600" dirty="0"/>
        </a:p>
      </dgm:t>
    </dgm:pt>
    <dgm:pt modelId="{BCCA0E0C-7B11-4502-B1C2-23C0598D952F}" type="parTrans" cxnId="{DE2329D2-EFC6-41FC-A359-57AC9D3C94FA}">
      <dgm:prSet/>
      <dgm:spPr/>
      <dgm:t>
        <a:bodyPr/>
        <a:lstStyle/>
        <a:p>
          <a:endParaRPr lang="en-US" sz="2400"/>
        </a:p>
      </dgm:t>
    </dgm:pt>
    <dgm:pt modelId="{99BA44CB-E310-4D72-BFE4-566EC436120A}" type="sibTrans" cxnId="{DE2329D2-EFC6-41FC-A359-57AC9D3C94FA}">
      <dgm:prSet/>
      <dgm:spPr/>
      <dgm:t>
        <a:bodyPr/>
        <a:lstStyle/>
        <a:p>
          <a:endParaRPr lang="en-US" sz="2400"/>
        </a:p>
      </dgm:t>
    </dgm:pt>
    <dgm:pt modelId="{3FF529BD-973F-402A-836C-DAF04845A290}">
      <dgm:prSet custT="1"/>
      <dgm:spPr/>
      <dgm:t>
        <a:bodyPr/>
        <a:lstStyle/>
        <a:p>
          <a:pPr rtl="0"/>
          <a:r>
            <a:rPr lang="en-US" sz="1600" dirty="0" smtClean="0"/>
            <a:t>Develop new treatment technologies</a:t>
          </a:r>
          <a:endParaRPr lang="en-US" sz="1600" dirty="0"/>
        </a:p>
      </dgm:t>
    </dgm:pt>
    <dgm:pt modelId="{3EDE785C-BBFA-41F9-8737-8DA84587501C}" type="parTrans" cxnId="{FBCB46AA-D723-4F75-A59D-2C260D3297DA}">
      <dgm:prSet/>
      <dgm:spPr/>
      <dgm:t>
        <a:bodyPr/>
        <a:lstStyle/>
        <a:p>
          <a:endParaRPr lang="en-US"/>
        </a:p>
      </dgm:t>
    </dgm:pt>
    <dgm:pt modelId="{96B15DFD-BBC6-4116-8A06-8CFEDAF8B19D}" type="sibTrans" cxnId="{FBCB46AA-D723-4F75-A59D-2C260D3297DA}">
      <dgm:prSet/>
      <dgm:spPr/>
      <dgm:t>
        <a:bodyPr/>
        <a:lstStyle/>
        <a:p>
          <a:endParaRPr lang="en-US"/>
        </a:p>
      </dgm:t>
    </dgm:pt>
    <dgm:pt modelId="{F0F8B248-E6B6-40AB-9535-BDBD7F2A0B51}">
      <dgm:prSet custT="1"/>
      <dgm:spPr/>
      <dgm:t>
        <a:bodyPr/>
        <a:lstStyle/>
        <a:p>
          <a:pPr rtl="0"/>
          <a:r>
            <a:rPr lang="en-US" sz="1600" dirty="0" smtClean="0"/>
            <a:t>TSCA - additional SNURs</a:t>
          </a:r>
          <a:endParaRPr lang="en-US" sz="1600" dirty="0"/>
        </a:p>
      </dgm:t>
    </dgm:pt>
    <dgm:pt modelId="{CBC7CBF2-9F28-417C-9047-861C67360307}" type="parTrans" cxnId="{A7457C34-E20E-4702-9887-7FDF5B53A202}">
      <dgm:prSet/>
      <dgm:spPr/>
      <dgm:t>
        <a:bodyPr/>
        <a:lstStyle/>
        <a:p>
          <a:endParaRPr lang="en-US"/>
        </a:p>
      </dgm:t>
    </dgm:pt>
    <dgm:pt modelId="{656EF55D-FE5A-4702-934E-94F8DF4DB555}" type="sibTrans" cxnId="{A7457C34-E20E-4702-9887-7FDF5B53A202}">
      <dgm:prSet/>
      <dgm:spPr/>
      <dgm:t>
        <a:bodyPr/>
        <a:lstStyle/>
        <a:p>
          <a:endParaRPr lang="en-US"/>
        </a:p>
      </dgm:t>
    </dgm:pt>
    <dgm:pt modelId="{79861523-8978-450C-8CCA-AA687AC0BD31}">
      <dgm:prSet custT="1"/>
      <dgm:spPr/>
      <dgm:t>
        <a:bodyPr/>
        <a:lstStyle/>
        <a:p>
          <a:pPr rtl="0"/>
          <a:r>
            <a:rPr lang="en-US" sz="1600" dirty="0" smtClean="0"/>
            <a:t>Air emissions -  reporting via Toxic Release Inventory</a:t>
          </a:r>
          <a:endParaRPr lang="en-US" sz="1600" dirty="0"/>
        </a:p>
      </dgm:t>
    </dgm:pt>
    <dgm:pt modelId="{A9DE9190-A2A1-402A-A657-02413C9A8F10}" type="parTrans" cxnId="{066E61FE-7AB6-4E91-970D-5B36D4A35B45}">
      <dgm:prSet/>
      <dgm:spPr/>
      <dgm:t>
        <a:bodyPr/>
        <a:lstStyle/>
        <a:p>
          <a:endParaRPr lang="en-US"/>
        </a:p>
      </dgm:t>
    </dgm:pt>
    <dgm:pt modelId="{A5973B2B-14B4-41E7-A23F-1155F31BE77F}" type="sibTrans" cxnId="{066E61FE-7AB6-4E91-970D-5B36D4A35B45}">
      <dgm:prSet/>
      <dgm:spPr/>
      <dgm:t>
        <a:bodyPr/>
        <a:lstStyle/>
        <a:p>
          <a:endParaRPr lang="en-US"/>
        </a:p>
      </dgm:t>
    </dgm:pt>
    <dgm:pt modelId="{368E9D18-1BB6-42EC-B3B1-6EC73E8CFAE4}">
      <dgm:prSet custT="1"/>
      <dgm:spPr/>
      <dgm:t>
        <a:bodyPr/>
        <a:lstStyle/>
        <a:p>
          <a:pPr rtl="0"/>
          <a:r>
            <a:rPr lang="en-US" sz="1600" dirty="0" smtClean="0"/>
            <a:t>Explore AWQCs and Effluent limits</a:t>
          </a:r>
          <a:endParaRPr lang="en-US" sz="1600" dirty="0"/>
        </a:p>
      </dgm:t>
    </dgm:pt>
    <dgm:pt modelId="{30C23AC0-A2DE-4D21-B3A0-F1B54078AD51}" type="parTrans" cxnId="{64063A35-3368-4A3C-B9DF-656BECB4005C}">
      <dgm:prSet/>
      <dgm:spPr/>
      <dgm:t>
        <a:bodyPr/>
        <a:lstStyle/>
        <a:p>
          <a:endParaRPr lang="en-US"/>
        </a:p>
      </dgm:t>
    </dgm:pt>
    <dgm:pt modelId="{9FBAF2BC-6739-41CB-BAF9-67358E6F4E18}" type="sibTrans" cxnId="{64063A35-3368-4A3C-B9DF-656BECB4005C}">
      <dgm:prSet/>
      <dgm:spPr/>
      <dgm:t>
        <a:bodyPr/>
        <a:lstStyle/>
        <a:p>
          <a:endParaRPr lang="en-US"/>
        </a:p>
      </dgm:t>
    </dgm:pt>
    <dgm:pt modelId="{C804470F-B154-4577-896D-ADBE855DFB3A}" type="pres">
      <dgm:prSet presAssocID="{85F7BCCB-72D1-4A44-8367-1347D4BC176E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CB6F0CDF-21E9-4409-8BEA-CAF049F76EC1}" type="pres">
      <dgm:prSet presAssocID="{B87D7DE4-6674-48CA-9807-6AB795F99595}" presName="composite" presStyleCnt="0"/>
      <dgm:spPr/>
    </dgm:pt>
    <dgm:pt modelId="{65CA4FE9-6CB0-47D7-A354-AE9D342397A9}" type="pres">
      <dgm:prSet presAssocID="{B87D7DE4-6674-48CA-9807-6AB795F99595}" presName="rect1" presStyleLbl="trAlignAcc1" presStyleIdx="0" presStyleCnt="4" custScaleY="184343" custLinFactNeighborX="88" custLinFactNeighborY="-2724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AC4FAD4-4E38-4879-9D3B-3643FFF6DE49}" type="pres">
      <dgm:prSet presAssocID="{B87D7DE4-6674-48CA-9807-6AB795F99595}" presName="rect2" presStyleLbl="fgImgPlace1" presStyleIdx="0" presStyleCnt="4" custScaleY="85559" custLinFactNeighborX="401" custLinFactNeighborY="-25949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E0EDE82A-C702-4F10-95DA-480D03E60323}" type="pres">
      <dgm:prSet presAssocID="{58A010C1-11B5-4C10-94E1-59A1DD829ED6}" presName="sibTrans" presStyleCnt="0"/>
      <dgm:spPr/>
    </dgm:pt>
    <dgm:pt modelId="{C2CA7C83-C851-4E16-B831-6C52389EE11A}" type="pres">
      <dgm:prSet presAssocID="{026B10C4-10C5-4299-9E3E-1DB693EEA360}" presName="composite" presStyleCnt="0"/>
      <dgm:spPr/>
    </dgm:pt>
    <dgm:pt modelId="{D043A592-D111-4C89-8627-D5CF0BBBAF53}" type="pres">
      <dgm:prSet presAssocID="{026B10C4-10C5-4299-9E3E-1DB693EEA360}" presName="rect1" presStyleLbl="trAlignAcc1" presStyleIdx="1" presStyleCnt="4" custScaleY="184343" custLinFactNeighborX="88" custLinFactNeighborY="-2724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8B7D8CD-B7ED-436B-8C95-397FEFAE5E62}" type="pres">
      <dgm:prSet presAssocID="{026B10C4-10C5-4299-9E3E-1DB693EEA360}" presName="rect2" presStyleLbl="fgImgPlace1" presStyleIdx="1" presStyleCnt="4" custLinFactNeighborX="401" custLinFactNeighborY="-25949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CDBA7E8E-7071-49FB-A79E-97CD2FDC0910}" type="pres">
      <dgm:prSet presAssocID="{4250594E-AC85-446E-A8F2-A1C818B9C8EC}" presName="sibTrans" presStyleCnt="0"/>
      <dgm:spPr/>
    </dgm:pt>
    <dgm:pt modelId="{1AA9B3D2-4EA2-4303-B08F-918807415FCB}" type="pres">
      <dgm:prSet presAssocID="{7A032F5D-AB53-4CAF-A2DC-2519326F00CE}" presName="composite" presStyleCnt="0"/>
      <dgm:spPr/>
    </dgm:pt>
    <dgm:pt modelId="{B0E8169E-2F8D-4D25-BAD7-2478FF16739D}" type="pres">
      <dgm:prSet presAssocID="{7A032F5D-AB53-4CAF-A2DC-2519326F00CE}" presName="rect1" presStyleLbl="trAlignAcc1" presStyleIdx="2" presStyleCnt="4" custScaleY="17317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7A5390C-6013-40FF-9E0B-BDFEB52402A3}" type="pres">
      <dgm:prSet presAssocID="{7A032F5D-AB53-4CAF-A2DC-2519326F00CE}" presName="rect2" presStyleLbl="fgImgPlace1" presStyleIdx="2" presStyleCnt="4" custScaleY="93803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96FC893E-39E9-4493-8E93-A7DEF3302FAB}" type="pres">
      <dgm:prSet presAssocID="{30D0C16C-A39E-48B1-91BB-EC8851685EAF}" presName="sibTrans" presStyleCnt="0"/>
      <dgm:spPr/>
    </dgm:pt>
    <dgm:pt modelId="{CF6BBF91-2DD0-445C-82D1-F5510B46082A}" type="pres">
      <dgm:prSet presAssocID="{DE2EA420-93CB-4080-957B-C10484E282DE}" presName="composite" presStyleCnt="0"/>
      <dgm:spPr/>
    </dgm:pt>
    <dgm:pt modelId="{4FAFE970-C286-4D8E-82F2-E59BC436F2AC}" type="pres">
      <dgm:prSet presAssocID="{DE2EA420-93CB-4080-957B-C10484E282DE}" presName="rect1" presStyleLbl="trAlignAcc1" presStyleIdx="3" presStyleCnt="4" custScaleY="17317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B2A3E7B-386F-4B7C-863A-CE21E749D507}" type="pres">
      <dgm:prSet presAssocID="{DE2EA420-93CB-4080-957B-C10484E282DE}" presName="rect2" presStyleLbl="fgImgPlace1" presStyleIdx="3" presStyleCnt="4" custScaleY="105537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</dgm:ptLst>
  <dgm:cxnLst>
    <dgm:cxn modelId="{332ACBB5-1AAA-4297-B902-95DDFA80E82B}" srcId="{026B10C4-10C5-4299-9E3E-1DB693EEA360}" destId="{65055F7A-3F23-45AE-A968-D75F186F6DA5}" srcOrd="1" destOrd="0" parTransId="{A3AFE7E7-DE3E-4A39-A7BB-836C588258B5}" sibTransId="{FBEC5EB5-1DD9-497C-A4B7-0E532752D0F3}"/>
    <dgm:cxn modelId="{DE2329D2-EFC6-41FC-A359-57AC9D3C94FA}" srcId="{DE2EA420-93CB-4080-957B-C10484E282DE}" destId="{1C3618EC-0391-4B91-A60F-8331B4853E57}" srcOrd="1" destOrd="0" parTransId="{BCCA0E0C-7B11-4502-B1C2-23C0598D952F}" sibTransId="{99BA44CB-E310-4D72-BFE4-566EC436120A}"/>
    <dgm:cxn modelId="{33298318-A134-49CC-B5C9-955905878716}" srcId="{85F7BCCB-72D1-4A44-8367-1347D4BC176E}" destId="{026B10C4-10C5-4299-9E3E-1DB693EEA360}" srcOrd="1" destOrd="0" parTransId="{9A1216AE-563E-4004-A38B-65ED4FD3CD63}" sibTransId="{4250594E-AC85-446E-A8F2-A1C818B9C8EC}"/>
    <dgm:cxn modelId="{FBCB46AA-D723-4F75-A59D-2C260D3297DA}" srcId="{7A032F5D-AB53-4CAF-A2DC-2519326F00CE}" destId="{3FF529BD-973F-402A-836C-DAF04845A290}" srcOrd="2" destOrd="0" parTransId="{3EDE785C-BBFA-41F9-8737-8DA84587501C}" sibTransId="{96B15DFD-BBC6-4116-8A06-8CFEDAF8B19D}"/>
    <dgm:cxn modelId="{066E61FE-7AB6-4E91-970D-5B36D4A35B45}" srcId="{7A032F5D-AB53-4CAF-A2DC-2519326F00CE}" destId="{79861523-8978-450C-8CCA-AA687AC0BD31}" srcOrd="1" destOrd="0" parTransId="{A9DE9190-A2A1-402A-A657-02413C9A8F10}" sibTransId="{A5973B2B-14B4-41E7-A23F-1155F31BE77F}"/>
    <dgm:cxn modelId="{CE68FD7B-EF00-4F6E-96D1-823854F1968B}" srcId="{85F7BCCB-72D1-4A44-8367-1347D4BC176E}" destId="{B87D7DE4-6674-48CA-9807-6AB795F99595}" srcOrd="0" destOrd="0" parTransId="{A18637F6-AAF5-4FA1-8194-DF9A9F00C1B3}" sibTransId="{58A010C1-11B5-4C10-94E1-59A1DD829ED6}"/>
    <dgm:cxn modelId="{ED39F314-B4ED-4860-BA0D-46F011D82602}" type="presOf" srcId="{85F7BCCB-72D1-4A44-8367-1347D4BC176E}" destId="{C804470F-B154-4577-896D-ADBE855DFB3A}" srcOrd="0" destOrd="0" presId="urn:microsoft.com/office/officeart/2008/layout/PictureStrips"/>
    <dgm:cxn modelId="{A7457C34-E20E-4702-9887-7FDF5B53A202}" srcId="{B87D7DE4-6674-48CA-9807-6AB795F99595}" destId="{F0F8B248-E6B6-40AB-9535-BDBD7F2A0B51}" srcOrd="4" destOrd="0" parTransId="{CBC7CBF2-9F28-417C-9047-861C67360307}" sibTransId="{656EF55D-FE5A-4702-934E-94F8DF4DB555}"/>
    <dgm:cxn modelId="{E6176ABC-B2F2-4BF1-B7FE-515FE2611E2C}" type="presOf" srcId="{8DDAD1D0-BF98-4474-9E26-09CA6841971F}" destId="{65CA4FE9-6CB0-47D7-A354-AE9D342397A9}" srcOrd="0" destOrd="3" presId="urn:microsoft.com/office/officeart/2008/layout/PictureStrips"/>
    <dgm:cxn modelId="{436CF3F8-315A-4753-9083-5AD12CEE38A5}" srcId="{B87D7DE4-6674-48CA-9807-6AB795F99595}" destId="{7F3FF85A-CB9A-4106-8C0E-227F9F26F46F}" srcOrd="1" destOrd="0" parTransId="{779074FB-6576-4853-B19C-77DFEC2B621B}" sibTransId="{2FAFAE47-9E0E-4373-B09F-6F4D1FAC2276}"/>
    <dgm:cxn modelId="{AB063030-3812-4E75-B941-B6BE471F996C}" type="presOf" srcId="{3FF529BD-973F-402A-836C-DAF04845A290}" destId="{B0E8169E-2F8D-4D25-BAD7-2478FF16739D}" srcOrd="0" destOrd="3" presId="urn:microsoft.com/office/officeart/2008/layout/PictureStrips"/>
    <dgm:cxn modelId="{64063A35-3368-4A3C-B9DF-656BECB4005C}" srcId="{B87D7DE4-6674-48CA-9807-6AB795F99595}" destId="{368E9D18-1BB6-42EC-B3B1-6EC73E8CFAE4}" srcOrd="3" destOrd="0" parTransId="{30C23AC0-A2DE-4D21-B3A0-F1B54078AD51}" sibTransId="{9FBAF2BC-6739-41CB-BAF9-67358E6F4E18}"/>
    <dgm:cxn modelId="{862709D9-3A57-4671-8016-6B5B53288BBE}" type="presOf" srcId="{2C472D33-C016-4A0E-B14C-563DE3BEFBD0}" destId="{65CA4FE9-6CB0-47D7-A354-AE9D342397A9}" srcOrd="0" destOrd="1" presId="urn:microsoft.com/office/officeart/2008/layout/PictureStrips"/>
    <dgm:cxn modelId="{6E7C87DB-6A11-480D-BA59-E7B434B62E5D}" srcId="{85F7BCCB-72D1-4A44-8367-1347D4BC176E}" destId="{DE2EA420-93CB-4080-957B-C10484E282DE}" srcOrd="3" destOrd="0" parTransId="{CB313C04-DDDD-458E-B102-823D74888C49}" sibTransId="{82CF23BE-8E4A-4804-8963-9711C7AAA223}"/>
    <dgm:cxn modelId="{FB50C233-E504-498B-AA48-AF1BA5290E1E}" type="presOf" srcId="{D03B6A9F-BC5B-4966-8FBB-2B226E914DB6}" destId="{D043A592-D111-4C89-8627-D5CF0BBBAF53}" srcOrd="0" destOrd="1" presId="urn:microsoft.com/office/officeart/2008/layout/PictureStrips"/>
    <dgm:cxn modelId="{D85D0213-2F61-4562-9962-6AA31458E1A9}" srcId="{7A032F5D-AB53-4CAF-A2DC-2519326F00CE}" destId="{85D3119A-14B2-43A0-8FA0-F00BF87DB966}" srcOrd="0" destOrd="0" parTransId="{0F6D34DD-FCD4-487B-B8CF-429F4C248CDA}" sibTransId="{1C1BA0C2-AA94-4418-860A-A054E489388A}"/>
    <dgm:cxn modelId="{C058540D-17F7-4B58-A98A-A13C47EFF742}" type="presOf" srcId="{368E9D18-1BB6-42EC-B3B1-6EC73E8CFAE4}" destId="{65CA4FE9-6CB0-47D7-A354-AE9D342397A9}" srcOrd="0" destOrd="4" presId="urn:microsoft.com/office/officeart/2008/layout/PictureStrips"/>
    <dgm:cxn modelId="{10A421EB-F751-4D31-9CE3-CF4B60A54D80}" srcId="{B87D7DE4-6674-48CA-9807-6AB795F99595}" destId="{8DDAD1D0-BF98-4474-9E26-09CA6841971F}" srcOrd="2" destOrd="0" parTransId="{4B36B5C0-D2F4-4DF6-ACF5-B70E169665A8}" sibTransId="{416E7529-58AC-489E-B679-F06DBEB2B1EA}"/>
    <dgm:cxn modelId="{DBB6CAA4-B5AC-4A4B-92BF-062CBCEC0A09}" type="presOf" srcId="{F0F8B248-E6B6-40AB-9535-BDBD7F2A0B51}" destId="{65CA4FE9-6CB0-47D7-A354-AE9D342397A9}" srcOrd="0" destOrd="5" presId="urn:microsoft.com/office/officeart/2008/layout/PictureStrips"/>
    <dgm:cxn modelId="{00D5B2BC-FE26-4FE3-9FDD-F618CF4243A4}" srcId="{85F7BCCB-72D1-4A44-8367-1347D4BC176E}" destId="{7A032F5D-AB53-4CAF-A2DC-2519326F00CE}" srcOrd="2" destOrd="0" parTransId="{0B57D038-9EBD-4CEF-8E36-F5F370E4E2D3}" sibTransId="{30D0C16C-A39E-48B1-91BB-EC8851685EAF}"/>
    <dgm:cxn modelId="{0F3A806C-CC7E-409D-86F3-904A467BEBDB}" type="presOf" srcId="{85D3119A-14B2-43A0-8FA0-F00BF87DB966}" destId="{B0E8169E-2F8D-4D25-BAD7-2478FF16739D}" srcOrd="0" destOrd="1" presId="urn:microsoft.com/office/officeart/2008/layout/PictureStrips"/>
    <dgm:cxn modelId="{7D298A5D-066F-4157-8911-FB16AA6F7117}" type="presOf" srcId="{1C3618EC-0391-4B91-A60F-8331B4853E57}" destId="{4FAFE970-C286-4D8E-82F2-E59BC436F2AC}" srcOrd="0" destOrd="2" presId="urn:microsoft.com/office/officeart/2008/layout/PictureStrips"/>
    <dgm:cxn modelId="{70D6ECDE-A7AA-4E5E-AD45-2103729712DF}" type="presOf" srcId="{B87D7DE4-6674-48CA-9807-6AB795F99595}" destId="{65CA4FE9-6CB0-47D7-A354-AE9D342397A9}" srcOrd="0" destOrd="0" presId="urn:microsoft.com/office/officeart/2008/layout/PictureStrips"/>
    <dgm:cxn modelId="{D0CD11D0-AB21-452A-956D-DF0087482409}" type="presOf" srcId="{65055F7A-3F23-45AE-A968-D75F186F6DA5}" destId="{D043A592-D111-4C89-8627-D5CF0BBBAF53}" srcOrd="0" destOrd="2" presId="urn:microsoft.com/office/officeart/2008/layout/PictureStrips"/>
    <dgm:cxn modelId="{B4BFF004-CF21-4D1F-894F-204A11956DE3}" srcId="{026B10C4-10C5-4299-9E3E-1DB693EEA360}" destId="{D03B6A9F-BC5B-4966-8FBB-2B226E914DB6}" srcOrd="0" destOrd="0" parTransId="{1AC8336D-BEAD-469A-BC63-018C32A181BD}" sibTransId="{48EBECB7-C85C-4D57-853E-AA5DB18DFC41}"/>
    <dgm:cxn modelId="{72DC9E2D-25D3-46B8-A41E-30BF50F3FEC9}" srcId="{DE2EA420-93CB-4080-957B-C10484E282DE}" destId="{88D9D09F-E57E-47C4-A886-84398867749E}" srcOrd="0" destOrd="0" parTransId="{E3A70C17-0B56-4C49-9A5E-8021F5EB985B}" sibTransId="{46119BAA-5DA2-4C69-B165-DBFA572B53AF}"/>
    <dgm:cxn modelId="{A0367E4D-42C5-4548-9542-35CE0EC1C520}" type="presOf" srcId="{7A032F5D-AB53-4CAF-A2DC-2519326F00CE}" destId="{B0E8169E-2F8D-4D25-BAD7-2478FF16739D}" srcOrd="0" destOrd="0" presId="urn:microsoft.com/office/officeart/2008/layout/PictureStrips"/>
    <dgm:cxn modelId="{A1C08FC5-D64D-49D6-8241-E553054E1D77}" srcId="{B87D7DE4-6674-48CA-9807-6AB795F99595}" destId="{2C472D33-C016-4A0E-B14C-563DE3BEFBD0}" srcOrd="0" destOrd="0" parTransId="{DF445FD3-60A3-494E-BC75-ED4C96C7DB72}" sibTransId="{8E2614B5-D72B-4CBB-A171-CC502948C4EC}"/>
    <dgm:cxn modelId="{971C65BC-860A-45D8-A926-030A8519B9EB}" type="presOf" srcId="{7F3FF85A-CB9A-4106-8C0E-227F9F26F46F}" destId="{65CA4FE9-6CB0-47D7-A354-AE9D342397A9}" srcOrd="0" destOrd="2" presId="urn:microsoft.com/office/officeart/2008/layout/PictureStrips"/>
    <dgm:cxn modelId="{2C9524AC-1C01-42CC-BF34-5D6598DB3B0A}" type="presOf" srcId="{026B10C4-10C5-4299-9E3E-1DB693EEA360}" destId="{D043A592-D111-4C89-8627-D5CF0BBBAF53}" srcOrd="0" destOrd="0" presId="urn:microsoft.com/office/officeart/2008/layout/PictureStrips"/>
    <dgm:cxn modelId="{EC1B7073-4EF6-416F-9871-B0B8CDB11073}" type="presOf" srcId="{88D9D09F-E57E-47C4-A886-84398867749E}" destId="{4FAFE970-C286-4D8E-82F2-E59BC436F2AC}" srcOrd="0" destOrd="1" presId="urn:microsoft.com/office/officeart/2008/layout/PictureStrips"/>
    <dgm:cxn modelId="{982C4C2B-6120-4C08-8A8A-99E8646B3026}" type="presOf" srcId="{79861523-8978-450C-8CCA-AA687AC0BD31}" destId="{B0E8169E-2F8D-4D25-BAD7-2478FF16739D}" srcOrd="0" destOrd="2" presId="urn:microsoft.com/office/officeart/2008/layout/PictureStrips"/>
    <dgm:cxn modelId="{279FA26B-B011-4AFF-8E43-B0F52A7159C2}" type="presOf" srcId="{DE2EA420-93CB-4080-957B-C10484E282DE}" destId="{4FAFE970-C286-4D8E-82F2-E59BC436F2AC}" srcOrd="0" destOrd="0" presId="urn:microsoft.com/office/officeart/2008/layout/PictureStrips"/>
    <dgm:cxn modelId="{248C42F5-C752-405A-BA2D-6B9EAC4E3867}" type="presParOf" srcId="{C804470F-B154-4577-896D-ADBE855DFB3A}" destId="{CB6F0CDF-21E9-4409-8BEA-CAF049F76EC1}" srcOrd="0" destOrd="0" presId="urn:microsoft.com/office/officeart/2008/layout/PictureStrips"/>
    <dgm:cxn modelId="{A205BBA7-5407-4E97-91BD-FF1FE9F8C9ED}" type="presParOf" srcId="{CB6F0CDF-21E9-4409-8BEA-CAF049F76EC1}" destId="{65CA4FE9-6CB0-47D7-A354-AE9D342397A9}" srcOrd="0" destOrd="0" presId="urn:microsoft.com/office/officeart/2008/layout/PictureStrips"/>
    <dgm:cxn modelId="{7D65790C-8376-4138-8331-E6E035421359}" type="presParOf" srcId="{CB6F0CDF-21E9-4409-8BEA-CAF049F76EC1}" destId="{2AC4FAD4-4E38-4879-9D3B-3643FFF6DE49}" srcOrd="1" destOrd="0" presId="urn:microsoft.com/office/officeart/2008/layout/PictureStrips"/>
    <dgm:cxn modelId="{DE1F3DAA-7158-4533-BF72-7CFD948E7453}" type="presParOf" srcId="{C804470F-B154-4577-896D-ADBE855DFB3A}" destId="{E0EDE82A-C702-4F10-95DA-480D03E60323}" srcOrd="1" destOrd="0" presId="urn:microsoft.com/office/officeart/2008/layout/PictureStrips"/>
    <dgm:cxn modelId="{78C7557E-E0EC-4C60-A55F-E1509FF374D8}" type="presParOf" srcId="{C804470F-B154-4577-896D-ADBE855DFB3A}" destId="{C2CA7C83-C851-4E16-B831-6C52389EE11A}" srcOrd="2" destOrd="0" presId="urn:microsoft.com/office/officeart/2008/layout/PictureStrips"/>
    <dgm:cxn modelId="{59F640CB-D01D-43CF-8AB8-647A4D4023D6}" type="presParOf" srcId="{C2CA7C83-C851-4E16-B831-6C52389EE11A}" destId="{D043A592-D111-4C89-8627-D5CF0BBBAF53}" srcOrd="0" destOrd="0" presId="urn:microsoft.com/office/officeart/2008/layout/PictureStrips"/>
    <dgm:cxn modelId="{AFD4C4DB-9076-46D2-B88F-1B1CDA53CE22}" type="presParOf" srcId="{C2CA7C83-C851-4E16-B831-6C52389EE11A}" destId="{88B7D8CD-B7ED-436B-8C95-397FEFAE5E62}" srcOrd="1" destOrd="0" presId="urn:microsoft.com/office/officeart/2008/layout/PictureStrips"/>
    <dgm:cxn modelId="{BFE14DA7-B459-474C-B9D7-5D38568852A8}" type="presParOf" srcId="{C804470F-B154-4577-896D-ADBE855DFB3A}" destId="{CDBA7E8E-7071-49FB-A79E-97CD2FDC0910}" srcOrd="3" destOrd="0" presId="urn:microsoft.com/office/officeart/2008/layout/PictureStrips"/>
    <dgm:cxn modelId="{13310661-8D82-4EA7-B6D8-67EBE7C47438}" type="presParOf" srcId="{C804470F-B154-4577-896D-ADBE855DFB3A}" destId="{1AA9B3D2-4EA2-4303-B08F-918807415FCB}" srcOrd="4" destOrd="0" presId="urn:microsoft.com/office/officeart/2008/layout/PictureStrips"/>
    <dgm:cxn modelId="{CA736C3B-FE06-4B39-98A8-72B84C24A462}" type="presParOf" srcId="{1AA9B3D2-4EA2-4303-B08F-918807415FCB}" destId="{B0E8169E-2F8D-4D25-BAD7-2478FF16739D}" srcOrd="0" destOrd="0" presId="urn:microsoft.com/office/officeart/2008/layout/PictureStrips"/>
    <dgm:cxn modelId="{4C8E3363-93CB-40CD-8DB8-F66FC49188AD}" type="presParOf" srcId="{1AA9B3D2-4EA2-4303-B08F-918807415FCB}" destId="{B7A5390C-6013-40FF-9E0B-BDFEB52402A3}" srcOrd="1" destOrd="0" presId="urn:microsoft.com/office/officeart/2008/layout/PictureStrips"/>
    <dgm:cxn modelId="{DB7370B2-9F42-408D-B077-EE1DD7A7C8C2}" type="presParOf" srcId="{C804470F-B154-4577-896D-ADBE855DFB3A}" destId="{96FC893E-39E9-4493-8E93-A7DEF3302FAB}" srcOrd="5" destOrd="0" presId="urn:microsoft.com/office/officeart/2008/layout/PictureStrips"/>
    <dgm:cxn modelId="{532D104B-01F9-44C3-AD16-7D02A3A80891}" type="presParOf" srcId="{C804470F-B154-4577-896D-ADBE855DFB3A}" destId="{CF6BBF91-2DD0-445C-82D1-F5510B46082A}" srcOrd="6" destOrd="0" presId="urn:microsoft.com/office/officeart/2008/layout/PictureStrips"/>
    <dgm:cxn modelId="{876663B4-9C54-465F-9645-B16FE6C192C1}" type="presParOf" srcId="{CF6BBF91-2DD0-445C-82D1-F5510B46082A}" destId="{4FAFE970-C286-4D8E-82F2-E59BC436F2AC}" srcOrd="0" destOrd="0" presId="urn:microsoft.com/office/officeart/2008/layout/PictureStrips"/>
    <dgm:cxn modelId="{0857C9AA-068C-4A46-90FD-0B78600BFEBC}" type="presParOf" srcId="{CF6BBF91-2DD0-445C-82D1-F5510B46082A}" destId="{DB2A3E7B-386F-4B7C-863A-CE21E749D507}" srcOrd="1" destOrd="0" presId="urn:microsoft.com/office/officeart/2008/layout/PictureStrip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B6EFC6-83F0-4ABC-B9F3-93CC2E00420B}">
      <dsp:nvSpPr>
        <dsp:cNvPr id="0" name=""/>
        <dsp:cNvSpPr/>
      </dsp:nvSpPr>
      <dsp:spPr>
        <a:xfrm rot="16200000">
          <a:off x="289" y="756468"/>
          <a:ext cx="3320320" cy="3320320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99136" rIns="199136" bIns="199136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Legacy Environmental Liability</a:t>
          </a:r>
          <a:endParaRPr lang="en-US" sz="2800" kern="1200" dirty="0"/>
        </a:p>
      </dsp:txBody>
      <dsp:txXfrm rot="5400000">
        <a:off x="581345" y="1586548"/>
        <a:ext cx="2739264" cy="1660160"/>
      </dsp:txXfrm>
    </dsp:sp>
    <dsp:sp modelId="{5CC65DB9-5751-4DDB-AD8A-B5F039530F3D}">
      <dsp:nvSpPr>
        <dsp:cNvPr id="0" name=""/>
        <dsp:cNvSpPr/>
      </dsp:nvSpPr>
      <dsp:spPr>
        <a:xfrm rot="5400000">
          <a:off x="3653765" y="756468"/>
          <a:ext cx="3320320" cy="3320320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99136" rIns="199136" bIns="199136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Replacements, Product Stewardship, Best Practices</a:t>
          </a:r>
          <a:endParaRPr lang="en-US" sz="2800" kern="1200" dirty="0"/>
        </a:p>
      </dsp:txBody>
      <dsp:txXfrm rot="-5400000">
        <a:off x="3653765" y="1586548"/>
        <a:ext cx="2739264" cy="166016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B6EFC6-83F0-4ABC-B9F3-93CC2E00420B}">
      <dsp:nvSpPr>
        <dsp:cNvPr id="0" name=""/>
        <dsp:cNvSpPr/>
      </dsp:nvSpPr>
      <dsp:spPr>
        <a:xfrm rot="16200000">
          <a:off x="293" y="680508"/>
          <a:ext cx="3363382" cy="3363382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99136" rIns="199136" bIns="199136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>
              <a:solidFill>
                <a:schemeClr val="bg1"/>
              </a:solidFill>
            </a:rPr>
            <a:t>Legacy Uses, Environmental Liability</a:t>
          </a:r>
          <a:endParaRPr lang="en-US" sz="2800" kern="1200" dirty="0">
            <a:solidFill>
              <a:schemeClr val="bg1"/>
            </a:solidFill>
          </a:endParaRPr>
        </a:p>
      </dsp:txBody>
      <dsp:txXfrm rot="5400000">
        <a:off x="588886" y="1521352"/>
        <a:ext cx="2774790" cy="1681691"/>
      </dsp:txXfrm>
    </dsp:sp>
    <dsp:sp modelId="{5CC65DB9-5751-4DDB-AD8A-B5F039530F3D}">
      <dsp:nvSpPr>
        <dsp:cNvPr id="0" name=""/>
        <dsp:cNvSpPr/>
      </dsp:nvSpPr>
      <dsp:spPr>
        <a:xfrm rot="5400000">
          <a:off x="3701152" y="680508"/>
          <a:ext cx="3363382" cy="3363382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99136" rIns="199136" bIns="199136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Replacements, Product Stewardship, Best Practices</a:t>
          </a:r>
          <a:endParaRPr lang="en-US" sz="2800" kern="1200" dirty="0"/>
        </a:p>
      </dsp:txBody>
      <dsp:txXfrm rot="-5400000">
        <a:off x="3701153" y="1521354"/>
        <a:ext cx="2774790" cy="1681691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B6EFC6-83F0-4ABC-B9F3-93CC2E00420B}">
      <dsp:nvSpPr>
        <dsp:cNvPr id="0" name=""/>
        <dsp:cNvSpPr/>
      </dsp:nvSpPr>
      <dsp:spPr>
        <a:xfrm rot="16200000">
          <a:off x="139" y="116309"/>
          <a:ext cx="1596181" cy="1596181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128016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PFOS</a:t>
          </a:r>
          <a:endParaRPr lang="en-US" sz="1800" kern="1200" dirty="0"/>
        </a:p>
      </dsp:txBody>
      <dsp:txXfrm rot="5400000">
        <a:off x="279471" y="515354"/>
        <a:ext cx="1316849" cy="798091"/>
      </dsp:txXfrm>
    </dsp:sp>
    <dsp:sp modelId="{5CC65DB9-5751-4DDB-AD8A-B5F039530F3D}">
      <dsp:nvSpPr>
        <dsp:cNvPr id="0" name=""/>
        <dsp:cNvSpPr/>
      </dsp:nvSpPr>
      <dsp:spPr>
        <a:xfrm rot="5400000">
          <a:off x="1756479" y="116309"/>
          <a:ext cx="1596181" cy="1596181"/>
        </a:xfrm>
        <a:prstGeom prst="up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128016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6:2 FTS</a:t>
          </a:r>
          <a:endParaRPr lang="en-US" sz="1800" kern="1200" dirty="0"/>
        </a:p>
      </dsp:txBody>
      <dsp:txXfrm rot="-5400000">
        <a:off x="1756479" y="515354"/>
        <a:ext cx="1316849" cy="798091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7502362-071B-42D1-B843-6DB629616871}">
      <dsp:nvSpPr>
        <dsp:cNvPr id="0" name=""/>
        <dsp:cNvSpPr/>
      </dsp:nvSpPr>
      <dsp:spPr>
        <a:xfrm rot="10800000">
          <a:off x="1824943" y="2826"/>
          <a:ext cx="6283452" cy="969078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27337" tIns="106680" rIns="199136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How to best engage and educate key stakeholders? </a:t>
          </a:r>
          <a:endParaRPr lang="en-US" sz="2800" kern="1200" dirty="0"/>
        </a:p>
      </dsp:txBody>
      <dsp:txXfrm rot="10800000">
        <a:off x="2067212" y="2826"/>
        <a:ext cx="6041183" cy="969078"/>
      </dsp:txXfrm>
    </dsp:sp>
    <dsp:sp modelId="{0D446ED7-0E4F-4CE9-B349-2DEC4F6CEEF4}">
      <dsp:nvSpPr>
        <dsp:cNvPr id="0" name=""/>
        <dsp:cNvSpPr/>
      </dsp:nvSpPr>
      <dsp:spPr>
        <a:xfrm>
          <a:off x="1340404" y="2826"/>
          <a:ext cx="969078" cy="96907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BF0C469-96DC-4B53-AC0E-DC9702C27BCB}">
      <dsp:nvSpPr>
        <dsp:cNvPr id="0" name=""/>
        <dsp:cNvSpPr/>
      </dsp:nvSpPr>
      <dsp:spPr>
        <a:xfrm rot="10800000">
          <a:off x="1586910" y="1261182"/>
          <a:ext cx="6600829" cy="969078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27337" tIns="106680" rIns="199136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Why is there still residual PFOS in chrome plating shop effluent today?</a:t>
          </a:r>
          <a:endParaRPr lang="en-US" sz="2800" kern="1200" dirty="0"/>
        </a:p>
      </dsp:txBody>
      <dsp:txXfrm rot="10800000">
        <a:off x="1829179" y="1261182"/>
        <a:ext cx="6358560" cy="969078"/>
      </dsp:txXfrm>
    </dsp:sp>
    <dsp:sp modelId="{D5FF95F8-36F0-4763-9CF6-C0FF1A4DA4BE}">
      <dsp:nvSpPr>
        <dsp:cNvPr id="0" name=""/>
        <dsp:cNvSpPr/>
      </dsp:nvSpPr>
      <dsp:spPr>
        <a:xfrm>
          <a:off x="1262988" y="1260756"/>
          <a:ext cx="969078" cy="96907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66B6530-C0E3-4061-BBD7-8096CBCCF3F9}">
      <dsp:nvSpPr>
        <dsp:cNvPr id="0" name=""/>
        <dsp:cNvSpPr/>
      </dsp:nvSpPr>
      <dsp:spPr>
        <a:xfrm rot="10800000">
          <a:off x="1619380" y="2519538"/>
          <a:ext cx="6557536" cy="969078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27337" tIns="99060" rIns="184912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 smtClean="0"/>
            <a:t>What is in current PFAS formulations and what data supports its continued use?</a:t>
          </a:r>
          <a:endParaRPr lang="en-US" sz="2600" kern="1200" dirty="0"/>
        </a:p>
      </dsp:txBody>
      <dsp:txXfrm rot="10800000">
        <a:off x="1861649" y="2519538"/>
        <a:ext cx="6315267" cy="969078"/>
      </dsp:txXfrm>
    </dsp:sp>
    <dsp:sp modelId="{9220162B-4539-43B9-BA53-66D2378F935B}">
      <dsp:nvSpPr>
        <dsp:cNvPr id="0" name=""/>
        <dsp:cNvSpPr/>
      </dsp:nvSpPr>
      <dsp:spPr>
        <a:xfrm>
          <a:off x="1271883" y="2519538"/>
          <a:ext cx="969078" cy="96907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EB5511-C09A-4EC4-95A8-8FFCE483D537}">
      <dsp:nvSpPr>
        <dsp:cNvPr id="0" name=""/>
        <dsp:cNvSpPr/>
      </dsp:nvSpPr>
      <dsp:spPr>
        <a:xfrm rot="10800000">
          <a:off x="1586910" y="3777894"/>
          <a:ext cx="6600829" cy="969078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27337" tIns="91440" rIns="170688" bIns="914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/>
            <a:t>What contribution do plating shops have to the overall load of PFAS into POTWs/WWTPs?</a:t>
          </a:r>
          <a:endParaRPr lang="en-US" sz="2400" kern="1200" dirty="0"/>
        </a:p>
      </dsp:txBody>
      <dsp:txXfrm rot="10800000">
        <a:off x="1829179" y="3777894"/>
        <a:ext cx="6358560" cy="969078"/>
      </dsp:txXfrm>
    </dsp:sp>
    <dsp:sp modelId="{4BBE399E-D8FA-4AFA-91F9-931FA341EB30}">
      <dsp:nvSpPr>
        <dsp:cNvPr id="0" name=""/>
        <dsp:cNvSpPr/>
      </dsp:nvSpPr>
      <dsp:spPr>
        <a:xfrm>
          <a:off x="1262988" y="3780721"/>
          <a:ext cx="969078" cy="96907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5CA4FE9-6CB0-47D7-A354-AE9D342397A9}">
      <dsp:nvSpPr>
        <dsp:cNvPr id="0" name=""/>
        <dsp:cNvSpPr/>
      </dsp:nvSpPr>
      <dsp:spPr>
        <a:xfrm>
          <a:off x="171876" y="238602"/>
          <a:ext cx="3958164" cy="2280187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7811" tIns="76200" rIns="76200" bIns="76200" numCol="1" spcCol="1270" anchor="t" anchorCtr="0">
          <a:noAutofit/>
        </a:bodyPr>
        <a:lstStyle/>
        <a:p>
          <a:pPr lvl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Regulation (PFOA, PFOS)</a:t>
          </a:r>
          <a:endParaRPr lang="en-US" sz="20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CERCLA - hazardous substance listing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SDWA - MCLs proposed in 2019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Interim cleanup levels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Explore AWQCs and Effluent limits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TSCA - additional SNURs</a:t>
          </a:r>
          <a:endParaRPr lang="en-US" sz="1600" kern="1200" dirty="0"/>
        </a:p>
      </dsp:txBody>
      <dsp:txXfrm>
        <a:off x="171876" y="238602"/>
        <a:ext cx="3958164" cy="2280187"/>
      </dsp:txXfrm>
    </dsp:sp>
    <dsp:sp modelId="{2AC4FAD4-4E38-4879-9D3B-3643FFF6DE49}">
      <dsp:nvSpPr>
        <dsp:cNvPr id="0" name=""/>
        <dsp:cNvSpPr/>
      </dsp:nvSpPr>
      <dsp:spPr>
        <a:xfrm>
          <a:off x="6941" y="675350"/>
          <a:ext cx="865848" cy="1111216"/>
        </a:xfrm>
        <a:prstGeom prst="rect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D043A592-D111-4C89-8627-D5CF0BBBAF53}">
      <dsp:nvSpPr>
        <dsp:cNvPr id="0" name=""/>
        <dsp:cNvSpPr/>
      </dsp:nvSpPr>
      <dsp:spPr>
        <a:xfrm>
          <a:off x="4571213" y="238602"/>
          <a:ext cx="3958164" cy="2280187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7811" tIns="76200" rIns="76200" bIns="76200" numCol="1" spcCol="1270" anchor="t" anchorCtr="0">
          <a:noAutofit/>
        </a:bodyPr>
        <a:lstStyle/>
        <a:p>
          <a:pPr lvl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smtClean="0"/>
            <a:t>Toxicology</a:t>
          </a:r>
          <a:endParaRPr lang="en-US" sz="2000" kern="120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Collaboration w/industry, academia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Continue research on additional PFAS</a:t>
          </a:r>
          <a:endParaRPr lang="en-US" sz="1600" kern="1200" dirty="0"/>
        </a:p>
      </dsp:txBody>
      <dsp:txXfrm>
        <a:off x="4571213" y="238602"/>
        <a:ext cx="3958164" cy="2280187"/>
      </dsp:txXfrm>
    </dsp:sp>
    <dsp:sp modelId="{88B7D8CD-B7ED-436B-8C95-397FEFAE5E62}">
      <dsp:nvSpPr>
        <dsp:cNvPr id="0" name=""/>
        <dsp:cNvSpPr/>
      </dsp:nvSpPr>
      <dsp:spPr>
        <a:xfrm>
          <a:off x="4406292" y="581572"/>
          <a:ext cx="865848" cy="1298772"/>
        </a:xfrm>
        <a:prstGeom prst="rect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B0E8169E-2F8D-4D25-BAD7-2478FF16739D}">
      <dsp:nvSpPr>
        <dsp:cNvPr id="0" name=""/>
        <dsp:cNvSpPr/>
      </dsp:nvSpPr>
      <dsp:spPr>
        <a:xfrm>
          <a:off x="168393" y="2997374"/>
          <a:ext cx="3958164" cy="2141997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7811" tIns="76200" rIns="76200" bIns="76200" numCol="1" spcCol="1270" anchor="t" anchorCtr="0">
          <a:noAutofit/>
        </a:bodyPr>
        <a:lstStyle/>
        <a:p>
          <a:pPr lvl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Monitoring and Remediation</a:t>
          </a:r>
          <a:endParaRPr lang="en-US" sz="20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Public water supplies - expand monitoring via UCMR4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Air emissions -  reporting via Toxic Release Inventory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Develop new treatment technologies</a:t>
          </a:r>
          <a:endParaRPr lang="en-US" sz="1600" kern="1200" dirty="0"/>
        </a:p>
      </dsp:txBody>
      <dsp:txXfrm>
        <a:off x="168393" y="2997374"/>
        <a:ext cx="3958164" cy="2141997"/>
      </dsp:txXfrm>
    </dsp:sp>
    <dsp:sp modelId="{B7A5390C-6013-40FF-9E0B-BDFEB52402A3}">
      <dsp:nvSpPr>
        <dsp:cNvPr id="0" name=""/>
        <dsp:cNvSpPr/>
      </dsp:nvSpPr>
      <dsp:spPr>
        <a:xfrm>
          <a:off x="3469" y="3311485"/>
          <a:ext cx="865848" cy="1218287"/>
        </a:xfrm>
        <a:prstGeom prst="rect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4FAFE970-C286-4D8E-82F2-E59BC436F2AC}">
      <dsp:nvSpPr>
        <dsp:cNvPr id="0" name=""/>
        <dsp:cNvSpPr/>
      </dsp:nvSpPr>
      <dsp:spPr>
        <a:xfrm>
          <a:off x="4567743" y="2997374"/>
          <a:ext cx="3958164" cy="2141997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7811" tIns="76200" rIns="76200" bIns="76200" numCol="1" spcCol="1270" anchor="t" anchorCtr="0">
          <a:noAutofit/>
        </a:bodyPr>
        <a:lstStyle/>
        <a:p>
          <a:pPr lvl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smtClean="0"/>
            <a:t>Risk Communication</a:t>
          </a:r>
          <a:endParaRPr lang="en-US" sz="2000" kern="120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Risk communication toolbox</a:t>
          </a:r>
          <a:endParaRPr lang="en-US" sz="1600" kern="1200" dirty="0"/>
        </a:p>
        <a:p>
          <a:pPr marL="171450" lvl="1" indent="-171450" algn="l" defTabSz="7112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600" kern="1200" dirty="0" smtClean="0"/>
            <a:t>Consistency messaging across agencies</a:t>
          </a:r>
          <a:endParaRPr lang="en-US" sz="1600" kern="1200" dirty="0"/>
        </a:p>
      </dsp:txBody>
      <dsp:txXfrm>
        <a:off x="4567743" y="2997374"/>
        <a:ext cx="3958164" cy="2141997"/>
      </dsp:txXfrm>
    </dsp:sp>
    <dsp:sp modelId="{DB2A3E7B-386F-4B7C-863A-CE21E749D507}">
      <dsp:nvSpPr>
        <dsp:cNvPr id="0" name=""/>
        <dsp:cNvSpPr/>
      </dsp:nvSpPr>
      <dsp:spPr>
        <a:xfrm>
          <a:off x="4402820" y="3235286"/>
          <a:ext cx="865848" cy="1370685"/>
        </a:xfrm>
        <a:prstGeom prst="rect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arrow1">
  <dgm:title val=""/>
  <dgm:desc val=""/>
  <dgm:catLst>
    <dgm:cat type="relationship" pri="7000"/>
    <dgm:cat type="process" pri="3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4" srcId="0" destId="1" srcOrd="0" destOrd="0"/>
        <dgm:cxn modelId="5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axis="ch" ptType="node" func="cnt" op="equ" val="2">
        <dgm:choose name="Name2">
          <dgm:if name="Name3" func="var" arg="dir" op="equ" val="norm">
            <dgm:alg type="cycle">
              <dgm:param type="rotPath" val="alongPath"/>
              <dgm:param type="stAng" val="270"/>
            </dgm:alg>
          </dgm:if>
          <dgm:else name="Name4">
            <dgm:alg type="cycle">
              <dgm:param type="rotPath" val="alongPath"/>
              <dgm:param type="stAng" val="90"/>
              <dgm:param type="spanAng" val="-360"/>
            </dgm:alg>
          </dgm:else>
        </dgm:choose>
      </dgm:if>
      <dgm:else name="Name5">
        <dgm:choose name="Name6">
          <dgm:if name="Name7" func="var" arg="dir" op="equ" val="norm">
            <dgm:alg type="cycle">
              <dgm:param type="rotPath" val="alongPath"/>
            </dgm:alg>
          </dgm:if>
          <dgm:else name="Name8">
            <dgm:alg type="cycle">
              <dgm:param type="rotPath" val="alongPath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equ" val="2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0.1"/>
          <dgm:constr type="diam" refType="w" refFor="ch" refPtType="node" fact="1.1"/>
        </dgm:constrLst>
      </dgm:if>
      <dgm:if name="Name11" axis="ch" ptType="node" func="cnt" op="equ" val="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if name="Name12" axis="ch" ptType="node" func="cnt" op="equ" val="6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"/>
        </dgm:constrLst>
      </dgm:if>
      <dgm:if name="Name13" axis="ch" ptType="node" func="cnt" op="equ" val="8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15"/>
        </dgm:constrLst>
      </dgm:if>
      <dgm:if name="Name14" axis="ch" ptType="node" func="cnt" op="equ" val="10">
        <dgm:constrLst>
          <dgm:constr type="primFontSz" for="ch" ptType="node" op="lte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else name="Name1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35"/>
        </dgm:constrLst>
      </dgm:else>
    </dgm:choose>
    <dgm:ruleLst/>
    <dgm:forEach name="Name16" axis="ch" ptType="node">
      <dgm:layoutNode name="arrow">
        <dgm:varLst>
          <dgm:bulletEnabled val="1"/>
        </dgm:varLst>
        <dgm:alg type="tx"/>
        <dgm:shape xmlns:r="http://schemas.openxmlformats.org/officeDocument/2006/relationships" type="upArrow" r:blip="">
          <dgm:adjLst>
            <dgm:adj idx="2" val="0.35"/>
          </dgm:adjLst>
        </dgm:shape>
        <dgm:presOf axis="desOrSelf" ptType="node"/>
        <dgm:constrLst/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arrow1">
  <dgm:title val=""/>
  <dgm:desc val=""/>
  <dgm:catLst>
    <dgm:cat type="relationship" pri="7000"/>
    <dgm:cat type="process" pri="3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4" srcId="0" destId="1" srcOrd="0" destOrd="0"/>
        <dgm:cxn modelId="5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axis="ch" ptType="node" func="cnt" op="equ" val="2">
        <dgm:choose name="Name2">
          <dgm:if name="Name3" func="var" arg="dir" op="equ" val="norm">
            <dgm:alg type="cycle">
              <dgm:param type="rotPath" val="alongPath"/>
              <dgm:param type="stAng" val="270"/>
            </dgm:alg>
          </dgm:if>
          <dgm:else name="Name4">
            <dgm:alg type="cycle">
              <dgm:param type="rotPath" val="alongPath"/>
              <dgm:param type="stAng" val="90"/>
              <dgm:param type="spanAng" val="-360"/>
            </dgm:alg>
          </dgm:else>
        </dgm:choose>
      </dgm:if>
      <dgm:else name="Name5">
        <dgm:choose name="Name6">
          <dgm:if name="Name7" func="var" arg="dir" op="equ" val="norm">
            <dgm:alg type="cycle">
              <dgm:param type="rotPath" val="alongPath"/>
            </dgm:alg>
          </dgm:if>
          <dgm:else name="Name8">
            <dgm:alg type="cycle">
              <dgm:param type="rotPath" val="alongPath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equ" val="2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0.1"/>
          <dgm:constr type="diam" refType="w" refFor="ch" refPtType="node" fact="1.1"/>
        </dgm:constrLst>
      </dgm:if>
      <dgm:if name="Name11" axis="ch" ptType="node" func="cnt" op="equ" val="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if name="Name12" axis="ch" ptType="node" func="cnt" op="equ" val="6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"/>
        </dgm:constrLst>
      </dgm:if>
      <dgm:if name="Name13" axis="ch" ptType="node" func="cnt" op="equ" val="8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15"/>
        </dgm:constrLst>
      </dgm:if>
      <dgm:if name="Name14" axis="ch" ptType="node" func="cnt" op="equ" val="10">
        <dgm:constrLst>
          <dgm:constr type="primFontSz" for="ch" ptType="node" op="lte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else name="Name1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35"/>
        </dgm:constrLst>
      </dgm:else>
    </dgm:choose>
    <dgm:ruleLst/>
    <dgm:forEach name="Name16" axis="ch" ptType="node">
      <dgm:layoutNode name="arrow">
        <dgm:varLst>
          <dgm:bulletEnabled val="1"/>
        </dgm:varLst>
        <dgm:alg type="tx"/>
        <dgm:shape xmlns:r="http://schemas.openxmlformats.org/officeDocument/2006/relationships" type="upArrow" r:blip="">
          <dgm:adjLst>
            <dgm:adj idx="2" val="0.35"/>
          </dgm:adjLst>
        </dgm:shape>
        <dgm:presOf axis="desOrSelf" ptType="node"/>
        <dgm:constrLst/>
        <dgm:ruleLst>
          <dgm:rule type="primFontSz" val="5" fact="NaN" max="NaN"/>
        </dgm:ruleLst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arrow1">
  <dgm:title val=""/>
  <dgm:desc val=""/>
  <dgm:catLst>
    <dgm:cat type="relationship" pri="7000"/>
    <dgm:cat type="process" pri="3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4" srcId="0" destId="1" srcOrd="0" destOrd="0"/>
        <dgm:cxn modelId="5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axis="ch" ptType="node" func="cnt" op="equ" val="2">
        <dgm:choose name="Name2">
          <dgm:if name="Name3" func="var" arg="dir" op="equ" val="norm">
            <dgm:alg type="cycle">
              <dgm:param type="rotPath" val="alongPath"/>
              <dgm:param type="stAng" val="270"/>
            </dgm:alg>
          </dgm:if>
          <dgm:else name="Name4">
            <dgm:alg type="cycle">
              <dgm:param type="rotPath" val="alongPath"/>
              <dgm:param type="stAng" val="90"/>
              <dgm:param type="spanAng" val="-360"/>
            </dgm:alg>
          </dgm:else>
        </dgm:choose>
      </dgm:if>
      <dgm:else name="Name5">
        <dgm:choose name="Name6">
          <dgm:if name="Name7" func="var" arg="dir" op="equ" val="norm">
            <dgm:alg type="cycle">
              <dgm:param type="rotPath" val="alongPath"/>
            </dgm:alg>
          </dgm:if>
          <dgm:else name="Name8">
            <dgm:alg type="cycle">
              <dgm:param type="rotPath" val="alongPath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equ" val="2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0.1"/>
          <dgm:constr type="diam" refType="w" refFor="ch" refPtType="node" fact="1.1"/>
        </dgm:constrLst>
      </dgm:if>
      <dgm:if name="Name11" axis="ch" ptType="node" func="cnt" op="equ" val="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if name="Name12" axis="ch" ptType="node" func="cnt" op="equ" val="6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2"/>
        </dgm:constrLst>
      </dgm:if>
      <dgm:if name="Name13" axis="ch" ptType="node" func="cnt" op="equ" val="8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15"/>
        </dgm:constrLst>
      </dgm:if>
      <dgm:if name="Name14" axis="ch" ptType="node" func="cnt" op="equ" val="10">
        <dgm:constrLst>
          <dgm:constr type="primFontSz" for="ch" ptType="node" op="lte" val="65"/>
          <dgm:constr type="w" for="ch" ptType="node" refType="w"/>
          <dgm:constr type="h" for="ch" ptType="node" refType="w" refFor="ch" refPtType="node"/>
          <dgm:constr type="sibSp" refType="w" refFor="ch" refPtType="node" fact="-0.24"/>
        </dgm:constrLst>
      </dgm:if>
      <dgm:else name="Name15">
        <dgm:constrLst>
          <dgm:constr type="primFontSz" for="ch" ptType="node" op="equ" val="65"/>
          <dgm:constr type="w" for="ch" ptType="node" refType="w"/>
          <dgm:constr type="h" for="ch" ptType="node" refType="w" refFor="ch" refPtType="node"/>
          <dgm:constr type="sibSp" refType="w" refFor="ch" refPtType="node" fact="-0.35"/>
        </dgm:constrLst>
      </dgm:else>
    </dgm:choose>
    <dgm:ruleLst/>
    <dgm:forEach name="Name16" axis="ch" ptType="node">
      <dgm:layoutNode name="arrow">
        <dgm:varLst>
          <dgm:bulletEnabled val="1"/>
        </dgm:varLst>
        <dgm:alg type="tx"/>
        <dgm:shape xmlns:r="http://schemas.openxmlformats.org/officeDocument/2006/relationships" type="upArrow" r:blip="">
          <dgm:adjLst>
            <dgm:adj idx="2" val="0.35"/>
          </dgm:adjLst>
        </dgm:shape>
        <dgm:presOf axis="desOrSelf" ptType="node"/>
        <dgm:constrLst/>
        <dgm:ruleLst>
          <dgm:rule type="primFontSz" val="5" fact="NaN" max="NaN"/>
        </dgm:ruleLst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8/layout/PictureStrips">
  <dgm:title val=""/>
  <dgm:desc val=""/>
  <dgm:catLst>
    <dgm:cat type="list" pri="12500"/>
    <dgm:cat type="picture" pri="13000"/>
    <dgm:cat type="pictureconvert" pri="13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  <dgm:cxn modelId="70" srcId="0" destId="40" srcOrd="2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snake">
          <dgm:param type="off" val="ctr"/>
        </dgm:alg>
      </dgm:if>
      <dgm:else name="Name3">
        <dgm:alg type="snake">
          <dgm:param type="off" val="ctr"/>
          <dgm:param type="grDir" val="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h" refFor="ch" refForName="composite" op="equ" fact="0.1"/>
      <dgm:constr type="h" for="ch" forName="sibTrans" refType="h" refFor="ch" refForName="composite" op="equ" fact="0.1"/>
      <dgm:constr type="w" for="ch" forName="sibTrans" refType="h" refFor="ch" refForName="sibTrans" op="equ"/>
    </dgm:constrLst>
    <dgm:forEach name="nodesForEach" axis="ch" ptType="node">
      <dgm:layoutNode name="composite">
        <dgm:alg type="composite">
          <dgm:param type="ar" val="3"/>
        </dgm:alg>
        <dgm:shape xmlns:r="http://schemas.openxmlformats.org/officeDocument/2006/relationships" r:blip="">
          <dgm:adjLst/>
        </dgm:shape>
        <dgm:choose name="Name4">
          <dgm:if name="Name5" func="var" arg="dir" op="equ" val="norm">
            <dgm:constrLst>
              <dgm:constr type="l" for="ch" forName="rect1" refType="w" fact="0.04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if>
          <dgm:else name="Name6">
            <dgm:constrLst>
              <dgm:constr type="l" for="ch" forName="rect1" refType="w" fact="0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.79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else>
        </dgm:choose>
        <dgm:layoutNode name="rect1" styleLbl="trAlignAcc1">
          <dgm:varLst>
            <dgm:bulletEnabled val="1"/>
          </dgm:varLst>
          <dgm:alg type="tx">
            <dgm:param type="parTxLTRAlign" val="l"/>
          </dgm:alg>
          <dgm:shape xmlns:r="http://schemas.openxmlformats.org/officeDocument/2006/relationships" type="rect" r:blip="">
            <dgm:adjLst/>
          </dgm:shape>
          <dgm:presOf axis="desOrSelf" ptType="node"/>
          <dgm:choose name="Name7">
            <dgm:if name="Name8" func="var" arg="dir" op="equ" val="norm">
              <dgm:constrLst>
                <dgm:constr type="lMarg" refType="w" fact="0.6"/>
                <dgm:constr type="rMarg" refType="primFontSz" fact="0.3"/>
                <dgm:constr type="tMarg" refType="primFontSz" fact="0.3"/>
                <dgm:constr type="bMarg" refType="primFontSz" fact="0.3"/>
              </dgm:constrLst>
            </dgm:if>
            <dgm:else name="Name9">
              <dgm:constrLst>
                <dgm:constr type="lMarg" refType="primFontSz" fact="0.3"/>
                <dgm:constr type="rMarg" refType="w" fact="0.6"/>
                <dgm:constr type="tMarg" refType="primFontSz" fact="0.3"/>
                <dgm:constr type="bMarg" refType="primFontSz" fact="0.3"/>
              </dgm:constrLst>
            </dgm:else>
          </dgm:choose>
          <dgm:ruleLst>
            <dgm:rule type="primFontSz" val="5" fact="NaN" max="NaN"/>
          </dgm:ruleLst>
        </dgm:layoutNode>
        <dgm:layoutNode name="rect2" styleLbl="fgImgPlace1">
          <dgm:alg type="sp"/>
          <dgm:shape xmlns:r="http://schemas.openxmlformats.org/officeDocument/2006/relationships" type="rect" r:blip="" blipPhldr="1">
            <dgm:adjLst/>
          </dgm:shape>
          <dgm:presOf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66733" cy="468153"/>
          </a:xfrm>
          <a:prstGeom prst="rect">
            <a:avLst/>
          </a:prstGeom>
        </p:spPr>
        <p:txBody>
          <a:bodyPr vert="horz" lIns="93940" tIns="46971" rIns="93940" bIns="4697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08705" y="0"/>
            <a:ext cx="3066733" cy="468153"/>
          </a:xfrm>
          <a:prstGeom prst="rect">
            <a:avLst/>
          </a:prstGeom>
        </p:spPr>
        <p:txBody>
          <a:bodyPr vert="horz" lIns="93940" tIns="46971" rIns="93940" bIns="46971" rtlCol="0"/>
          <a:lstStyle>
            <a:lvl1pPr algn="r">
              <a:defRPr sz="1200"/>
            </a:lvl1pPr>
          </a:lstStyle>
          <a:p>
            <a:fld id="{4E5724B7-799B-4F97-8615-03E5C4C96A80}" type="datetimeFigureOut">
              <a:rPr lang="en-US" smtClean="0"/>
              <a:t>4/1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98563" y="703263"/>
            <a:ext cx="4679950" cy="35099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940" tIns="46971" rIns="93940" bIns="4697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7708" y="4447462"/>
            <a:ext cx="5661660" cy="4213383"/>
          </a:xfrm>
          <a:prstGeom prst="rect">
            <a:avLst/>
          </a:prstGeom>
        </p:spPr>
        <p:txBody>
          <a:bodyPr vert="horz" lIns="93940" tIns="46971" rIns="93940" bIns="46971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93297"/>
            <a:ext cx="3066733" cy="468153"/>
          </a:xfrm>
          <a:prstGeom prst="rect">
            <a:avLst/>
          </a:prstGeom>
        </p:spPr>
        <p:txBody>
          <a:bodyPr vert="horz" lIns="93940" tIns="46971" rIns="93940" bIns="4697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08705" y="8893297"/>
            <a:ext cx="3066733" cy="468153"/>
          </a:xfrm>
          <a:prstGeom prst="rect">
            <a:avLst/>
          </a:prstGeom>
        </p:spPr>
        <p:txBody>
          <a:bodyPr vert="horz" lIns="93940" tIns="46971" rIns="93940" bIns="46971" rtlCol="0" anchor="b"/>
          <a:lstStyle>
            <a:lvl1pPr algn="r">
              <a:defRPr sz="1200"/>
            </a:lvl1pPr>
          </a:lstStyle>
          <a:p>
            <a:fld id="{FFBCAD02-0C33-4E95-B20B-9B55D0BEA1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7419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01707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C5A172B-2CAB-4D45-8EE7-E8126C97CFE7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825959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>
                <a:solidFill>
                  <a:prstClr val="black"/>
                </a:solidFill>
              </a:rPr>
              <a:pPr/>
              <a:t>22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976763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mage of mist suppressant bottle/dru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275462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imati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25655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/>
              <a:t>USEPA chose developmental endpoints from rodents – bone ossification, changes in puberty markers (PFOA), and decreased neonatal body weight (PFOS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C5A172B-2CAB-4D45-8EE7-E8126C97CFE7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5223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dd nomenclature complicated and move &gt;3000 com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8997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63211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ote the Animation on this sli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34ECA50-B42E-4944-BDA6-22EE93DD4010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5007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58489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34ECA50-B42E-4944-BDA6-22EE93DD4010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789780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imation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34ECA50-B42E-4944-BDA6-22EE93DD4010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597294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BCAD02-0C33-4E95-B20B-9B55D0BEA1D2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24979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iscuss 6:2FTS performance compared to PFO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34ECA50-B42E-4944-BDA6-22EE93DD4010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05965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gif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13" Type="http://schemas.openxmlformats.org/officeDocument/2006/relationships/image" Target="../media/image20.jpeg"/><Relationship Id="rId18" Type="http://schemas.openxmlformats.org/officeDocument/2006/relationships/image" Target="../media/image25.jpeg"/><Relationship Id="rId3" Type="http://schemas.openxmlformats.org/officeDocument/2006/relationships/image" Target="../media/image10.png"/><Relationship Id="rId21" Type="http://schemas.openxmlformats.org/officeDocument/2006/relationships/image" Target="../media/image28.jpeg"/><Relationship Id="rId7" Type="http://schemas.openxmlformats.org/officeDocument/2006/relationships/image" Target="../media/image14.png"/><Relationship Id="rId12" Type="http://schemas.openxmlformats.org/officeDocument/2006/relationships/image" Target="../media/image19.jpeg"/><Relationship Id="rId17" Type="http://schemas.openxmlformats.org/officeDocument/2006/relationships/image" Target="../media/image24.png"/><Relationship Id="rId2" Type="http://schemas.openxmlformats.org/officeDocument/2006/relationships/image" Target="../media/image3.jpeg"/><Relationship Id="rId16" Type="http://schemas.openxmlformats.org/officeDocument/2006/relationships/image" Target="../media/image23.jpeg"/><Relationship Id="rId20" Type="http://schemas.openxmlformats.org/officeDocument/2006/relationships/image" Target="../media/image2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3.png"/><Relationship Id="rId11" Type="http://schemas.openxmlformats.org/officeDocument/2006/relationships/image" Target="../media/image18.jpeg"/><Relationship Id="rId5" Type="http://schemas.openxmlformats.org/officeDocument/2006/relationships/image" Target="../media/image12.png"/><Relationship Id="rId15" Type="http://schemas.openxmlformats.org/officeDocument/2006/relationships/image" Target="../media/image22.png"/><Relationship Id="rId10" Type="http://schemas.openxmlformats.org/officeDocument/2006/relationships/image" Target="../media/image17.jpeg"/><Relationship Id="rId19" Type="http://schemas.openxmlformats.org/officeDocument/2006/relationships/image" Target="../media/image26.jpeg"/><Relationship Id="rId4" Type="http://schemas.openxmlformats.org/officeDocument/2006/relationships/image" Target="../media/image11.png"/><Relationship Id="rId9" Type="http://schemas.openxmlformats.org/officeDocument/2006/relationships/image" Target="../media/image16.png"/><Relationship Id="rId14" Type="http://schemas.openxmlformats.org/officeDocument/2006/relationships/image" Target="../media/image21.jpe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066800" y="3505200"/>
            <a:ext cx="6400800" cy="457200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rgbClr val="26455C"/>
                </a:solidFill>
                <a:latin typeface="Trebuchet MS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Subtitle of Presentation</a:t>
            </a:r>
            <a:endParaRPr lang="en-US" dirty="0"/>
          </a:p>
        </p:txBody>
      </p:sp>
      <p:sp>
        <p:nvSpPr>
          <p:cNvPr id="13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1371600" y="4114800"/>
            <a:ext cx="3008313" cy="160020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2000">
                <a:solidFill>
                  <a:srgbClr val="404040"/>
                </a:solidFill>
                <a:latin typeface="Trebuchet MS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Presenter 1</a:t>
            </a:r>
          </a:p>
          <a:p>
            <a:pPr lvl="0"/>
            <a:r>
              <a:rPr lang="en-US" dirty="0" smtClean="0"/>
              <a:t>Presenter 2</a:t>
            </a:r>
          </a:p>
          <a:p>
            <a:pPr lvl="0"/>
            <a:r>
              <a:rPr lang="en-US" dirty="0" smtClean="0"/>
              <a:t>Presenter 3</a:t>
            </a:r>
          </a:p>
          <a:p>
            <a:pPr lvl="0"/>
            <a:r>
              <a:rPr lang="en-US" dirty="0" smtClean="0"/>
              <a:t>Presenter 4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half" idx="13" hasCustomPrompt="1"/>
          </p:nvPr>
        </p:nvSpPr>
        <p:spPr>
          <a:xfrm>
            <a:off x="1335087" y="6096000"/>
            <a:ext cx="3008313" cy="4572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26455C"/>
                </a:solidFill>
                <a:latin typeface="Trebuchet MS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Month, Day, Year</a:t>
            </a:r>
          </a:p>
        </p:txBody>
      </p:sp>
      <p:sp>
        <p:nvSpPr>
          <p:cNvPr id="20" name="Title 19"/>
          <p:cNvSpPr>
            <a:spLocks noGrp="1"/>
          </p:cNvSpPr>
          <p:nvPr>
            <p:ph type="title" hasCustomPrompt="1"/>
          </p:nvPr>
        </p:nvSpPr>
        <p:spPr>
          <a:xfrm>
            <a:off x="762000" y="2590800"/>
            <a:ext cx="8229600" cy="1143000"/>
          </a:xfrm>
        </p:spPr>
        <p:txBody>
          <a:bodyPr>
            <a:normAutofit/>
          </a:bodyPr>
          <a:lstStyle>
            <a:lvl1pPr algn="l">
              <a:defRPr sz="2600"/>
            </a:lvl1pPr>
          </a:lstStyle>
          <a:p>
            <a:r>
              <a:rPr lang="en-US" dirty="0" smtClean="0"/>
              <a:t>Title of Presentation</a:t>
            </a:r>
            <a:endParaRPr lang="en-US" dirty="0"/>
          </a:p>
        </p:txBody>
      </p:sp>
    </p:spTree>
  </p:cSld>
  <p:clrMapOvr>
    <a:masterClrMapping/>
  </p:clrMapOvr>
  <p:hf sldNum="0"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 No Title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, No Title, No Logo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 Slide (all 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Graphic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pic>
        <p:nvPicPr>
          <p:cNvPr id="4" name="Picture 3" descr="8 logo3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1676400" y="914400"/>
            <a:ext cx="5779956" cy="5638800"/>
          </a:xfrm>
          <a:prstGeom prst="rect">
            <a:avLst/>
          </a:prstGeom>
        </p:spPr>
      </p:pic>
      <p:pic>
        <p:nvPicPr>
          <p:cNvPr id="5" name="Picture 2" descr="M:\Publications\Logos\Other Logos (not Integral)\Website\isnetworld-logo.gif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150177" y="5943600"/>
            <a:ext cx="576607" cy="576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3" descr="M:\Publications\Logos\Other Logos (not Integral)\Website\PICS.png"/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1805" y="5963264"/>
            <a:ext cx="552450" cy="5524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 userDrawn="1"/>
        </p:nvSpPr>
        <p:spPr>
          <a:xfrm>
            <a:off x="5204441" y="2048369"/>
            <a:ext cx="1342035" cy="6186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160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Employees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1923393" y="3569316"/>
            <a:ext cx="181040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2000" kern="1200" dirty="0" smtClean="0">
                <a:solidFill>
                  <a:schemeClr val="bg1"/>
                </a:solidFill>
              </a:rPr>
              <a:t>Collaboration</a:t>
            </a:r>
            <a:endParaRPr lang="en-US" sz="1900" kern="1200" dirty="0" smtClean="0">
              <a:solidFill>
                <a:schemeClr val="bg1"/>
              </a:solidFill>
            </a:endParaRPr>
          </a:p>
        </p:txBody>
      </p:sp>
      <p:sp>
        <p:nvSpPr>
          <p:cNvPr id="11" name="Rectangle 10"/>
          <p:cNvSpPr/>
          <p:nvPr userDrawn="1"/>
        </p:nvSpPr>
        <p:spPr>
          <a:xfrm>
            <a:off x="4021017" y="1667369"/>
            <a:ext cx="1189749" cy="6186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Founded 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2002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sp>
        <p:nvSpPr>
          <p:cNvPr id="12" name="Rectangle 11"/>
          <p:cNvSpPr/>
          <p:nvPr userDrawn="1"/>
        </p:nvSpPr>
        <p:spPr>
          <a:xfrm>
            <a:off x="3825115" y="4979625"/>
            <a:ext cx="1566454" cy="114492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Risk/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Liability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Management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Focus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2361646" y="4541369"/>
            <a:ext cx="1595309" cy="88178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  Quality </a:t>
            </a:r>
            <a:br>
              <a:rPr lang="en-US" sz="1900" b="0" kern="1200" dirty="0" smtClean="0">
                <a:solidFill>
                  <a:schemeClr val="bg1"/>
                </a:solidFill>
              </a:rPr>
            </a:br>
            <a:r>
              <a:rPr lang="en-US" sz="1900" b="0" kern="1200" dirty="0" smtClean="0">
                <a:solidFill>
                  <a:schemeClr val="bg1"/>
                </a:solidFill>
              </a:rPr>
              <a:t>and H&amp;S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Commitment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5207464" y="3266441"/>
            <a:ext cx="2260305" cy="88178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Technical 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Breadth and Strength</a:t>
            </a:r>
          </a:p>
        </p:txBody>
      </p:sp>
      <p:sp>
        <p:nvSpPr>
          <p:cNvPr id="15" name="Rectangle 14"/>
          <p:cNvSpPr/>
          <p:nvPr userDrawn="1"/>
        </p:nvSpPr>
        <p:spPr>
          <a:xfrm>
            <a:off x="2399758" y="2311518"/>
            <a:ext cx="1494320" cy="35548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Clients</a:t>
            </a:r>
            <a:r>
              <a:rPr lang="en-US" sz="1900" b="0" kern="1200" baseline="0" dirty="0" smtClean="0">
                <a:solidFill>
                  <a:schemeClr val="bg1"/>
                </a:solidFill>
              </a:rPr>
              <a:t> First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sp>
        <p:nvSpPr>
          <p:cNvPr id="16" name="Rectangle 15"/>
          <p:cNvSpPr/>
          <p:nvPr userDrawn="1"/>
        </p:nvSpPr>
        <p:spPr>
          <a:xfrm>
            <a:off x="5186808" y="4548423"/>
            <a:ext cx="1417376" cy="88178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Broad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Geographic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en-US" sz="1900" b="0" kern="1200" dirty="0" smtClean="0">
                <a:solidFill>
                  <a:schemeClr val="bg1"/>
                </a:solidFill>
              </a:rPr>
              <a:t>Coverage</a:t>
            </a:r>
            <a:endParaRPr lang="en-US" sz="1900" b="0" kern="1200" dirty="0">
              <a:solidFill>
                <a:schemeClr val="bg1"/>
              </a:solidFill>
            </a:endParaRPr>
          </a:p>
        </p:txBody>
      </p:sp>
      <p:pic>
        <p:nvPicPr>
          <p:cNvPr id="17" name="Picture 16" descr="logo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91000" y="3505200"/>
            <a:ext cx="796160" cy="579207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457200" y="7315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>
              <a:spcBef>
                <a:spcPct val="0"/>
              </a:spcBef>
              <a:buNone/>
              <a:defRPr sz="3600">
                <a:solidFill>
                  <a:srgbClr val="26455C"/>
                </a:solidFill>
                <a:latin typeface="Trebuchet MS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en-US" dirty="0" smtClean="0"/>
              <a:t>Integral Key Facts and Values</a:t>
            </a:r>
            <a:endParaRPr lang="en-US" dirty="0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Graphic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sp>
        <p:nvSpPr>
          <p:cNvPr id="18" name="Isosceles Triangle 17"/>
          <p:cNvSpPr/>
          <p:nvPr userDrawn="1"/>
        </p:nvSpPr>
        <p:spPr>
          <a:xfrm>
            <a:off x="76199" y="1736560"/>
            <a:ext cx="2895601" cy="3027815"/>
          </a:xfrm>
          <a:prstGeom prst="triangle">
            <a:avLst/>
          </a:prstGeom>
          <a:solidFill>
            <a:srgbClr val="81875A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Isosceles Triangle 18"/>
          <p:cNvSpPr/>
          <p:nvPr userDrawn="1"/>
        </p:nvSpPr>
        <p:spPr>
          <a:xfrm rot="10800000">
            <a:off x="1600197" y="1736557"/>
            <a:ext cx="2895601" cy="3027815"/>
          </a:xfrm>
          <a:prstGeom prst="triangle">
            <a:avLst/>
          </a:prstGeom>
          <a:solidFill>
            <a:srgbClr val="7B3D17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Isosceles Triangle 19"/>
          <p:cNvSpPr/>
          <p:nvPr userDrawn="1"/>
        </p:nvSpPr>
        <p:spPr>
          <a:xfrm rot="10800000">
            <a:off x="4648196" y="1736557"/>
            <a:ext cx="2895601" cy="3027815"/>
          </a:xfrm>
          <a:prstGeom prst="triangle">
            <a:avLst/>
          </a:prstGeom>
          <a:solidFill>
            <a:srgbClr val="B95B2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Isosceles Triangle 20"/>
          <p:cNvSpPr/>
          <p:nvPr userDrawn="1"/>
        </p:nvSpPr>
        <p:spPr>
          <a:xfrm>
            <a:off x="6172200" y="1736560"/>
            <a:ext cx="2895601" cy="3027815"/>
          </a:xfrm>
          <a:prstGeom prst="triangle">
            <a:avLst/>
          </a:prstGeom>
          <a:solidFill>
            <a:srgbClr val="A17C36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Isosceles Triangle 21"/>
          <p:cNvSpPr/>
          <p:nvPr userDrawn="1"/>
        </p:nvSpPr>
        <p:spPr>
          <a:xfrm>
            <a:off x="3124199" y="1736558"/>
            <a:ext cx="2895601" cy="3027817"/>
          </a:xfrm>
          <a:prstGeom prst="triangle">
            <a:avLst/>
          </a:prstGeom>
          <a:solidFill>
            <a:srgbClr val="355D7D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TextBox 22"/>
          <p:cNvSpPr txBox="1"/>
          <p:nvPr userDrawn="1"/>
        </p:nvSpPr>
        <p:spPr bwMode="auto">
          <a:xfrm>
            <a:off x="609600" y="2952958"/>
            <a:ext cx="1828800" cy="1354217"/>
          </a:xfrm>
          <a:prstGeom prst="rect">
            <a:avLst/>
          </a:prstGeom>
          <a:noFill/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Health</a:t>
            </a:r>
            <a:endParaRPr kumimoji="0" lang="en-US" sz="1600" b="1" i="0" strike="noStrike" kern="120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rebuchet MS" pitchFamily="34" charset="0"/>
              <a:cs typeface="Arial" panose="020B0604020202020204" pitchFamily="34" charset="0"/>
            </a:endParaRPr>
          </a:p>
          <a:p>
            <a:pPr marR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</a:pPr>
            <a:r>
              <a:rPr kumimoji="0" lang="en-US" sz="1100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Human Health Risk Assessment</a:t>
            </a:r>
          </a:p>
          <a:p>
            <a:pPr marR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</a:pPr>
            <a:r>
              <a:rPr lang="en-US" sz="1100" b="1" dirty="0" smtClean="0">
                <a:solidFill>
                  <a:schemeClr val="bg1"/>
                </a:solidFill>
                <a:latin typeface="Trebuchet MS" pitchFamily="34" charset="0"/>
                <a:cs typeface="Arial" panose="020B0604020202020204" pitchFamily="34" charset="0"/>
              </a:rPr>
              <a:t>Toxicology</a:t>
            </a:r>
          </a:p>
          <a:p>
            <a:pPr marR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</a:pPr>
            <a:r>
              <a:rPr kumimoji="0" lang="en-US" sz="1100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Emerging Contaminants</a:t>
            </a:r>
          </a:p>
        </p:txBody>
      </p:sp>
      <p:sp>
        <p:nvSpPr>
          <p:cNvPr id="24" name="TextBox 23"/>
          <p:cNvSpPr txBox="1"/>
          <p:nvPr userDrawn="1"/>
        </p:nvSpPr>
        <p:spPr bwMode="auto">
          <a:xfrm>
            <a:off x="2133599" y="1907093"/>
            <a:ext cx="1828795" cy="2185214"/>
          </a:xfrm>
          <a:prstGeom prst="rect">
            <a:avLst/>
          </a:prstGeom>
          <a:noFill/>
          <a:ln>
            <a:noFill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Environment</a:t>
            </a:r>
            <a:endParaRPr lang="en-US" sz="1600" b="1" dirty="0">
              <a:solidFill>
                <a:schemeClr val="bg1"/>
              </a:solidFill>
              <a:effectLst/>
              <a:latin typeface="Trebuchet MS" pitchFamily="34" charset="0"/>
              <a:cs typeface="Arial" panose="020B0604020202020204" pitchFamily="34" charset="0"/>
            </a:endParaRPr>
          </a:p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Site Investigation</a:t>
            </a:r>
          </a:p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Remedial Design and Engineering</a:t>
            </a:r>
          </a:p>
          <a:p>
            <a:pPr algn="ctr"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Ecological </a:t>
            </a: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Assessment</a:t>
            </a:r>
            <a:endParaRPr lang="en-US" sz="1100" b="1" dirty="0">
              <a:solidFill>
                <a:prstClr val="white"/>
              </a:solidFill>
              <a:latin typeface="Trebuchet MS" pitchFamily="34" charset="0"/>
              <a:cs typeface="Arial" panose="020B0604020202020204" pitchFamily="34" charset="0"/>
            </a:endParaRPr>
          </a:p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Fate and Transport</a:t>
            </a:r>
          </a:p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Marine Science</a:t>
            </a:r>
            <a:b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</a:br>
            <a:r>
              <a:rPr lang="en-US" sz="1100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/>
            </a:r>
            <a:br>
              <a:rPr lang="en-US" sz="1100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</a:br>
            <a:r>
              <a:rPr lang="en-US" sz="1100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5" name="TextBox 24"/>
          <p:cNvSpPr txBox="1"/>
          <p:nvPr userDrawn="1"/>
        </p:nvSpPr>
        <p:spPr bwMode="auto">
          <a:xfrm>
            <a:off x="4953000" y="1792575"/>
            <a:ext cx="2286000" cy="2446824"/>
          </a:xfrm>
          <a:prstGeom prst="rect">
            <a:avLst/>
          </a:prstGeom>
          <a:noFill/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Liability Reduction </a:t>
            </a:r>
            <a:r>
              <a:rPr kumimoji="0" lang="en-US" b="1" i="0" strike="noStrike" kern="1200" cap="none" spc="0" normalizeH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&amp; Management</a:t>
            </a:r>
          </a:p>
          <a:p>
            <a:pPr algn="ctr"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Portfolio Analysis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Value Engineering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Remedy Optimization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Green </a:t>
            </a:r>
            <a:b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</a:b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Remediation</a:t>
            </a:r>
          </a:p>
          <a:p>
            <a:pPr lvl="0" algn="ctr">
              <a:spcAft>
                <a:spcPts val="600"/>
              </a:spcAft>
            </a:pPr>
            <a:endParaRPr lang="en-US" sz="1100" dirty="0">
              <a:solidFill>
                <a:prstClr val="white"/>
              </a:solidFill>
              <a:latin typeface="Trebuchet MS" pitchFamily="34" charset="0"/>
              <a:cs typeface="Arial" panose="020B0604020202020204" pitchFamily="34" charset="0"/>
            </a:endParaRPr>
          </a:p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600" b="1" i="0" u="sng" strike="noStrike" kern="120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Trebuchet MS" pitchFamily="34" charset="0"/>
              <a:cs typeface="Arial" panose="020B0604020202020204" pitchFamily="34" charset="0"/>
            </a:endParaRPr>
          </a:p>
        </p:txBody>
      </p:sp>
      <p:sp>
        <p:nvSpPr>
          <p:cNvPr id="26" name="TextBox 25"/>
          <p:cNvSpPr txBox="1"/>
          <p:nvPr userDrawn="1"/>
        </p:nvSpPr>
        <p:spPr bwMode="auto">
          <a:xfrm>
            <a:off x="6858000" y="2900094"/>
            <a:ext cx="1524000" cy="2092881"/>
          </a:xfrm>
          <a:prstGeom prst="rect">
            <a:avLst/>
          </a:prstGeom>
          <a:noFill/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Litigation</a:t>
            </a:r>
            <a:endParaRPr kumimoji="0" lang="en-US" sz="1600" b="1" i="0" strike="noStrike" kern="120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rebuchet MS" pitchFamily="34" charset="0"/>
              <a:cs typeface="Arial" panose="020B0604020202020204" pitchFamily="34" charset="0"/>
            </a:endParaRP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Chemistry and Forensics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Hydrogeology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Toxic Torts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NRDA</a:t>
            </a:r>
          </a:p>
          <a:p>
            <a:pPr lvl="0" algn="ctr"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Allocation</a:t>
            </a:r>
          </a:p>
          <a:p>
            <a:pPr lvl="0" algn="ctr">
              <a:spcAft>
                <a:spcPts val="600"/>
              </a:spcAft>
            </a:pPr>
            <a:endParaRPr lang="en-US" sz="1100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TextBox 26"/>
          <p:cNvSpPr txBox="1"/>
          <p:nvPr userDrawn="1"/>
        </p:nvSpPr>
        <p:spPr bwMode="auto">
          <a:xfrm>
            <a:off x="3505200" y="2935575"/>
            <a:ext cx="2133600" cy="1846659"/>
          </a:xfrm>
          <a:prstGeom prst="rect">
            <a:avLst/>
          </a:prstGeom>
          <a:noFill/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-5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Technology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Advanced </a:t>
            </a: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/>
            </a:r>
            <a:b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</a:b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Data </a:t>
            </a: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Management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Optical Monitoring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Sediment Assessment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Wave Energy Optimization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Structure from </a:t>
            </a: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Motion</a:t>
            </a:r>
            <a:endParaRPr lang="en-US" sz="1100" b="1" dirty="0">
              <a:solidFill>
                <a:prstClr val="white"/>
              </a:solidFill>
              <a:latin typeface="Trebuchet MS" pitchFamily="34" charset="0"/>
              <a:cs typeface="Arial" panose="020B0604020202020204" pitchFamily="34" charset="0"/>
            </a:endParaRPr>
          </a:p>
        </p:txBody>
      </p:sp>
      <p:sp>
        <p:nvSpPr>
          <p:cNvPr id="28" name="TextBox 27"/>
          <p:cNvSpPr txBox="1"/>
          <p:nvPr userDrawn="1"/>
        </p:nvSpPr>
        <p:spPr bwMode="auto">
          <a:xfrm>
            <a:off x="3505200" y="2935575"/>
            <a:ext cx="2133600" cy="1846659"/>
          </a:xfrm>
          <a:prstGeom prst="rect">
            <a:avLst/>
          </a:prstGeom>
          <a:noFill/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</a:pPr>
            <a:r>
              <a:rPr kumimoji="0" lang="en-US" b="1" i="0" strike="noStrike" kern="1200" cap="none" spc="-5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rebuchet MS" pitchFamily="34" charset="0"/>
                <a:cs typeface="Arial" panose="020B0604020202020204" pitchFamily="34" charset="0"/>
              </a:rPr>
              <a:t>Technology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Advanced </a:t>
            </a: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/>
            </a:r>
            <a:b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</a:b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Data </a:t>
            </a: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Management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Optical Monitoring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Sediment Assessment</a:t>
            </a:r>
          </a:p>
          <a:p>
            <a:pPr lvl="0"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Wave Energy Optimization</a:t>
            </a:r>
          </a:p>
          <a:p>
            <a:pPr algn="ctr">
              <a:lnSpc>
                <a:spcPct val="100000"/>
              </a:lnSpc>
              <a:spcAft>
                <a:spcPts val="600"/>
              </a:spcAft>
            </a:pPr>
            <a:r>
              <a:rPr lang="en-US" sz="1100" b="1" dirty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Structure from </a:t>
            </a:r>
            <a:r>
              <a:rPr lang="en-US" sz="1100" b="1" dirty="0" smtClean="0">
                <a:solidFill>
                  <a:prstClr val="white"/>
                </a:solidFill>
                <a:latin typeface="Trebuchet MS" pitchFamily="34" charset="0"/>
                <a:cs typeface="Arial" panose="020B0604020202020204" pitchFamily="34" charset="0"/>
              </a:rPr>
              <a:t>Motion</a:t>
            </a:r>
            <a:endParaRPr lang="en-US" sz="1100" b="1" dirty="0">
              <a:solidFill>
                <a:prstClr val="white"/>
              </a:solidFill>
              <a:latin typeface="Trebuchet MS" pitchFamily="34" charset="0"/>
              <a:cs typeface="Arial" panose="020B0604020202020204" pitchFamily="34" charset="0"/>
            </a:endParaRPr>
          </a:p>
        </p:txBody>
      </p:sp>
      <p:sp>
        <p:nvSpPr>
          <p:cNvPr id="3" name="TextBox 2"/>
          <p:cNvSpPr txBox="1"/>
          <p:nvPr userDrawn="1"/>
        </p:nvSpPr>
        <p:spPr>
          <a:xfrm>
            <a:off x="457200" y="7315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>
              <a:spcBef>
                <a:spcPct val="0"/>
              </a:spcBef>
              <a:buNone/>
              <a:defRPr sz="3600">
                <a:solidFill>
                  <a:srgbClr val="26455C"/>
                </a:solidFill>
                <a:latin typeface="Trebuchet MS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en-US" dirty="0" smtClean="0"/>
              <a:t>Core Services and Capabilities</a:t>
            </a:r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Graphic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sp>
        <p:nvSpPr>
          <p:cNvPr id="15" name="Freeform 14"/>
          <p:cNvSpPr>
            <a:spLocks noChangeArrowheads="1"/>
          </p:cNvSpPr>
          <p:nvPr userDrawn="1"/>
        </p:nvSpPr>
        <p:spPr bwMode="auto">
          <a:xfrm rot="21335790">
            <a:off x="4628521" y="2625977"/>
            <a:ext cx="941387" cy="612775"/>
          </a:xfrm>
          <a:custGeom>
            <a:avLst/>
            <a:gdLst>
              <a:gd name="T0" fmla="*/ 2147483647 w 9500"/>
              <a:gd name="T1" fmla="*/ 2147483647 h 6521"/>
              <a:gd name="T2" fmla="*/ 2147483647 w 9500"/>
              <a:gd name="T3" fmla="*/ 2147483647 h 6521"/>
              <a:gd name="T4" fmla="*/ 2147483647 w 9500"/>
              <a:gd name="T5" fmla="*/ 2147483647 h 6521"/>
              <a:gd name="T6" fmla="*/ 2147483647 w 9500"/>
              <a:gd name="T7" fmla="*/ 2147483647 h 6521"/>
              <a:gd name="T8" fmla="*/ 2147483647 w 9500"/>
              <a:gd name="T9" fmla="*/ 2147483647 h 6521"/>
              <a:gd name="T10" fmla="*/ 2147483647 w 9500"/>
              <a:gd name="T11" fmla="*/ 2147483647 h 6521"/>
              <a:gd name="T12" fmla="*/ 2147483647 w 9500"/>
              <a:gd name="T13" fmla="*/ 2147483647 h 6521"/>
              <a:gd name="T14" fmla="*/ 2147483647 w 9500"/>
              <a:gd name="T15" fmla="*/ 2147483647 h 6521"/>
              <a:gd name="T16" fmla="*/ 2147483647 w 9500"/>
              <a:gd name="T17" fmla="*/ 2147483647 h 6521"/>
              <a:gd name="T18" fmla="*/ 2147483647 w 9500"/>
              <a:gd name="T19" fmla="*/ 2147483647 h 6521"/>
              <a:gd name="T20" fmla="*/ 2147483647 w 9500"/>
              <a:gd name="T21" fmla="*/ 2147483647 h 6521"/>
              <a:gd name="T22" fmla="*/ 2147483647 w 9500"/>
              <a:gd name="T23" fmla="*/ 2147483647 h 6521"/>
              <a:gd name="T24" fmla="*/ 2147483647 w 9500"/>
              <a:gd name="T25" fmla="*/ 2147483647 h 6521"/>
              <a:gd name="T26" fmla="*/ 2147483647 w 9500"/>
              <a:gd name="T27" fmla="*/ 2147483647 h 6521"/>
              <a:gd name="T28" fmla="*/ 2147483647 w 9500"/>
              <a:gd name="T29" fmla="*/ 2147483647 h 6521"/>
              <a:gd name="T30" fmla="*/ 2147483647 w 9500"/>
              <a:gd name="T31" fmla="*/ 2147483647 h 6521"/>
              <a:gd name="T32" fmla="*/ 2147483647 w 9500"/>
              <a:gd name="T33" fmla="*/ 2147483647 h 6521"/>
              <a:gd name="T34" fmla="*/ 2147483647 w 9500"/>
              <a:gd name="T35" fmla="*/ 2147483647 h 6521"/>
              <a:gd name="T36" fmla="*/ 2147483647 w 9500"/>
              <a:gd name="T37" fmla="*/ 2147483647 h 6521"/>
              <a:gd name="T38" fmla="*/ 2147483647 w 9500"/>
              <a:gd name="T39" fmla="*/ 2147483647 h 6521"/>
              <a:gd name="T40" fmla="*/ 2147483647 w 9500"/>
              <a:gd name="T41" fmla="*/ 2147483647 h 6521"/>
              <a:gd name="T42" fmla="*/ 2147483647 w 9500"/>
              <a:gd name="T43" fmla="*/ 2147483647 h 6521"/>
              <a:gd name="T44" fmla="*/ 2147483647 w 9500"/>
              <a:gd name="T45" fmla="*/ 2147483647 h 6521"/>
              <a:gd name="T46" fmla="*/ 2147483647 w 9500"/>
              <a:gd name="T47" fmla="*/ 2147483647 h 6521"/>
              <a:gd name="T48" fmla="*/ 2147483647 w 9500"/>
              <a:gd name="T49" fmla="*/ 2147483647 h 6521"/>
              <a:gd name="T50" fmla="*/ 2147483647 w 9500"/>
              <a:gd name="T51" fmla="*/ 2147483647 h 6521"/>
              <a:gd name="T52" fmla="*/ 2147483647 w 9500"/>
              <a:gd name="T53" fmla="*/ 2147483647 h 6521"/>
              <a:gd name="T54" fmla="*/ 2147483647 w 9500"/>
              <a:gd name="T55" fmla="*/ 2147483647 h 6521"/>
              <a:gd name="T56" fmla="*/ 2147483647 w 9500"/>
              <a:gd name="T57" fmla="*/ 2147483647 h 6521"/>
              <a:gd name="T58" fmla="*/ 2147483647 w 9500"/>
              <a:gd name="T59" fmla="*/ 2147483647 h 6521"/>
              <a:gd name="T60" fmla="*/ 0 w 9500"/>
              <a:gd name="T61" fmla="*/ 2147483647 h 6521"/>
              <a:gd name="T62" fmla="*/ 2147483647 w 9500"/>
              <a:gd name="T63" fmla="*/ 2147483647 h 6521"/>
              <a:gd name="T64" fmla="*/ 2147483647 w 9500"/>
              <a:gd name="T65" fmla="*/ 2147483647 h 6521"/>
              <a:gd name="T66" fmla="*/ 2147483647 w 9500"/>
              <a:gd name="T67" fmla="*/ 2147483647 h 6521"/>
              <a:gd name="T68" fmla="*/ 0 60000 65536"/>
              <a:gd name="T69" fmla="*/ 0 60000 65536"/>
              <a:gd name="T70" fmla="*/ 0 60000 65536"/>
              <a:gd name="T71" fmla="*/ 0 60000 65536"/>
              <a:gd name="T72" fmla="*/ 0 60000 65536"/>
              <a:gd name="T73" fmla="*/ 0 60000 65536"/>
              <a:gd name="T74" fmla="*/ 0 60000 65536"/>
              <a:gd name="T75" fmla="*/ 0 60000 65536"/>
              <a:gd name="T76" fmla="*/ 0 60000 65536"/>
              <a:gd name="T77" fmla="*/ 0 60000 65536"/>
              <a:gd name="T78" fmla="*/ 0 60000 65536"/>
              <a:gd name="T79" fmla="*/ 0 60000 65536"/>
              <a:gd name="T80" fmla="*/ 0 60000 65536"/>
              <a:gd name="T81" fmla="*/ 0 60000 65536"/>
              <a:gd name="T82" fmla="*/ 0 60000 65536"/>
              <a:gd name="T83" fmla="*/ 0 60000 65536"/>
              <a:gd name="T84" fmla="*/ 0 60000 65536"/>
              <a:gd name="T85" fmla="*/ 0 60000 65536"/>
              <a:gd name="T86" fmla="*/ 0 60000 65536"/>
              <a:gd name="T87" fmla="*/ 0 60000 65536"/>
              <a:gd name="T88" fmla="*/ 0 60000 65536"/>
              <a:gd name="T89" fmla="*/ 0 60000 65536"/>
              <a:gd name="T90" fmla="*/ 0 60000 65536"/>
              <a:gd name="T91" fmla="*/ 0 60000 65536"/>
              <a:gd name="T92" fmla="*/ 0 60000 65536"/>
              <a:gd name="T93" fmla="*/ 0 60000 65536"/>
              <a:gd name="T94" fmla="*/ 0 60000 65536"/>
              <a:gd name="T95" fmla="*/ 0 60000 65536"/>
              <a:gd name="T96" fmla="*/ 0 60000 65536"/>
              <a:gd name="T97" fmla="*/ 0 60000 65536"/>
              <a:gd name="T98" fmla="*/ 0 60000 65536"/>
              <a:gd name="T99" fmla="*/ 0 60000 65536"/>
              <a:gd name="T100" fmla="*/ 0 60000 65536"/>
              <a:gd name="T101" fmla="*/ 0 60000 65536"/>
              <a:gd name="connsiteX0" fmla="*/ 257 w 9999"/>
              <a:gd name="connsiteY0" fmla="*/ 0 h 9998"/>
              <a:gd name="connsiteX1" fmla="*/ 8447 w 9999"/>
              <a:gd name="connsiteY1" fmla="*/ 90 h 9998"/>
              <a:gd name="connsiteX2" fmla="*/ 8352 w 9999"/>
              <a:gd name="connsiteY2" fmla="*/ 561 h 9998"/>
              <a:gd name="connsiteX3" fmla="*/ 8681 w 9999"/>
              <a:gd name="connsiteY3" fmla="*/ 969 h 9998"/>
              <a:gd name="connsiteX4" fmla="*/ 8425 w 9999"/>
              <a:gd name="connsiteY4" fmla="*/ 1225 h 9998"/>
              <a:gd name="connsiteX5" fmla="*/ 8425 w 9999"/>
              <a:gd name="connsiteY5" fmla="*/ 1938 h 9998"/>
              <a:gd name="connsiteX6" fmla="*/ 8536 w 9999"/>
              <a:gd name="connsiteY6" fmla="*/ 2194 h 9998"/>
              <a:gd name="connsiteX7" fmla="*/ 8571 w 9999"/>
              <a:gd name="connsiteY7" fmla="*/ 2501 h 9998"/>
              <a:gd name="connsiteX8" fmla="*/ 8975 w 9999"/>
              <a:gd name="connsiteY8" fmla="*/ 3010 h 9998"/>
              <a:gd name="connsiteX9" fmla="*/ 9232 w 9999"/>
              <a:gd name="connsiteY9" fmla="*/ 3519 h 9998"/>
              <a:gd name="connsiteX10" fmla="*/ 9560 w 9999"/>
              <a:gd name="connsiteY10" fmla="*/ 3929 h 9998"/>
              <a:gd name="connsiteX11" fmla="*/ 9742 w 9999"/>
              <a:gd name="connsiteY11" fmla="*/ 4285 h 9998"/>
              <a:gd name="connsiteX12" fmla="*/ 9889 w 9999"/>
              <a:gd name="connsiteY12" fmla="*/ 4541 h 9998"/>
              <a:gd name="connsiteX13" fmla="*/ 9999 w 9999"/>
              <a:gd name="connsiteY13" fmla="*/ 5306 h 9998"/>
              <a:gd name="connsiteX14" fmla="*/ 9780 w 9999"/>
              <a:gd name="connsiteY14" fmla="*/ 5764 h 9998"/>
              <a:gd name="connsiteX15" fmla="*/ 9669 w 9999"/>
              <a:gd name="connsiteY15" fmla="*/ 6021 h 9998"/>
              <a:gd name="connsiteX16" fmla="*/ 9669 w 9999"/>
              <a:gd name="connsiteY16" fmla="*/ 6479 h 9998"/>
              <a:gd name="connsiteX17" fmla="*/ 9232 w 9999"/>
              <a:gd name="connsiteY17" fmla="*/ 6427 h 9998"/>
              <a:gd name="connsiteX18" fmla="*/ 8901 w 9999"/>
              <a:gd name="connsiteY18" fmla="*/ 6683 h 9998"/>
              <a:gd name="connsiteX19" fmla="*/ 8755 w 9999"/>
              <a:gd name="connsiteY19" fmla="*/ 6887 h 9998"/>
              <a:gd name="connsiteX20" fmla="*/ 8571 w 9999"/>
              <a:gd name="connsiteY20" fmla="*/ 7295 h 9998"/>
              <a:gd name="connsiteX21" fmla="*/ 8608 w 9999"/>
              <a:gd name="connsiteY21" fmla="*/ 7654 h 9998"/>
              <a:gd name="connsiteX22" fmla="*/ 8792 w 9999"/>
              <a:gd name="connsiteY22" fmla="*/ 8264 h 9998"/>
              <a:gd name="connsiteX23" fmla="*/ 8536 w 9999"/>
              <a:gd name="connsiteY23" fmla="*/ 8623 h 9998"/>
              <a:gd name="connsiteX24" fmla="*/ 8536 w 9999"/>
              <a:gd name="connsiteY24" fmla="*/ 9031 h 9998"/>
              <a:gd name="connsiteX25" fmla="*/ 8536 w 9999"/>
              <a:gd name="connsiteY25" fmla="*/ 9285 h 9998"/>
              <a:gd name="connsiteX26" fmla="*/ 8169 w 9999"/>
              <a:gd name="connsiteY26" fmla="*/ 9437 h 9998"/>
              <a:gd name="connsiteX27" fmla="*/ 8096 w 9999"/>
              <a:gd name="connsiteY27" fmla="*/ 9692 h 9998"/>
              <a:gd name="connsiteX28" fmla="*/ 8133 w 9999"/>
              <a:gd name="connsiteY28" fmla="*/ 9948 h 9998"/>
              <a:gd name="connsiteX29" fmla="*/ 8022 w 9999"/>
              <a:gd name="connsiteY29" fmla="*/ 9998 h 9998"/>
              <a:gd name="connsiteX30" fmla="*/ 7765 w 9999"/>
              <a:gd name="connsiteY30" fmla="*/ 9641 h 9998"/>
              <a:gd name="connsiteX31" fmla="*/ 7545 w 9999"/>
              <a:gd name="connsiteY31" fmla="*/ 9540 h 9998"/>
              <a:gd name="connsiteX32" fmla="*/ 7399 w 9999"/>
              <a:gd name="connsiteY32" fmla="*/ 9437 h 9998"/>
              <a:gd name="connsiteX33" fmla="*/ 1502 w 9999"/>
              <a:gd name="connsiteY33" fmla="*/ 9641 h 9998"/>
              <a:gd name="connsiteX34" fmla="*/ 1428 w 9999"/>
              <a:gd name="connsiteY34" fmla="*/ 9183 h 9998"/>
              <a:gd name="connsiteX35" fmla="*/ 1428 w 9999"/>
              <a:gd name="connsiteY35" fmla="*/ 9083 h 9998"/>
              <a:gd name="connsiteX36" fmla="*/ 1428 w 9999"/>
              <a:gd name="connsiteY36" fmla="*/ 8724 h 9998"/>
              <a:gd name="connsiteX37" fmla="*/ 1466 w 9999"/>
              <a:gd name="connsiteY37" fmla="*/ 8419 h 9998"/>
              <a:gd name="connsiteX38" fmla="*/ 1392 w 9999"/>
              <a:gd name="connsiteY38" fmla="*/ 7959 h 9998"/>
              <a:gd name="connsiteX39" fmla="*/ 1246 w 9999"/>
              <a:gd name="connsiteY39" fmla="*/ 7396 h 9998"/>
              <a:gd name="connsiteX40" fmla="*/ 1173 w 9999"/>
              <a:gd name="connsiteY40" fmla="*/ 6990 h 9998"/>
              <a:gd name="connsiteX41" fmla="*/ 1356 w 9999"/>
              <a:gd name="connsiteY41" fmla="*/ 6683 h 9998"/>
              <a:gd name="connsiteX42" fmla="*/ 1062 w 9999"/>
              <a:gd name="connsiteY42" fmla="*/ 6225 h 9998"/>
              <a:gd name="connsiteX43" fmla="*/ 1062 w 9999"/>
              <a:gd name="connsiteY43" fmla="*/ 6123 h 9998"/>
              <a:gd name="connsiteX44" fmla="*/ 1100 w 9999"/>
              <a:gd name="connsiteY44" fmla="*/ 5613 h 9998"/>
              <a:gd name="connsiteX45" fmla="*/ 953 w 9999"/>
              <a:gd name="connsiteY45" fmla="*/ 5203 h 9998"/>
              <a:gd name="connsiteX46" fmla="*/ 696 w 9999"/>
              <a:gd name="connsiteY46" fmla="*/ 4387 h 9998"/>
              <a:gd name="connsiteX47" fmla="*/ 623 w 9999"/>
              <a:gd name="connsiteY47" fmla="*/ 3775 h 9998"/>
              <a:gd name="connsiteX48" fmla="*/ 623 w 9999"/>
              <a:gd name="connsiteY48" fmla="*/ 3366 h 9998"/>
              <a:gd name="connsiteX49" fmla="*/ 0 w 9999"/>
              <a:gd name="connsiteY49" fmla="*/ 2552 h 9998"/>
              <a:gd name="connsiteX50" fmla="*/ 477 w 9999"/>
              <a:gd name="connsiteY50" fmla="*/ 1990 h 9998"/>
              <a:gd name="connsiteX51" fmla="*/ 477 w 9999"/>
              <a:gd name="connsiteY51" fmla="*/ 1736 h 9998"/>
              <a:gd name="connsiteX52" fmla="*/ 477 w 9999"/>
              <a:gd name="connsiteY52" fmla="*/ 969 h 9998"/>
              <a:gd name="connsiteX53" fmla="*/ 147 w 9999"/>
              <a:gd name="connsiteY53" fmla="*/ 459 h 9998"/>
              <a:gd name="connsiteX54" fmla="*/ 257 w 9999"/>
              <a:gd name="connsiteY54" fmla="*/ 0 h 9998"/>
              <a:gd name="connsiteX0" fmla="*/ 257 w 10000"/>
              <a:gd name="connsiteY0" fmla="*/ 0 h 10000"/>
              <a:gd name="connsiteX1" fmla="*/ 8448 w 10000"/>
              <a:gd name="connsiteY1" fmla="*/ 90 h 10000"/>
              <a:gd name="connsiteX2" fmla="*/ 8353 w 10000"/>
              <a:gd name="connsiteY2" fmla="*/ 561 h 10000"/>
              <a:gd name="connsiteX3" fmla="*/ 8682 w 10000"/>
              <a:gd name="connsiteY3" fmla="*/ 969 h 10000"/>
              <a:gd name="connsiteX4" fmla="*/ 8631 w 10000"/>
              <a:gd name="connsiteY4" fmla="*/ 1264 h 10000"/>
              <a:gd name="connsiteX5" fmla="*/ 8426 w 10000"/>
              <a:gd name="connsiteY5" fmla="*/ 1938 h 10000"/>
              <a:gd name="connsiteX6" fmla="*/ 8537 w 10000"/>
              <a:gd name="connsiteY6" fmla="*/ 2194 h 10000"/>
              <a:gd name="connsiteX7" fmla="*/ 8572 w 10000"/>
              <a:gd name="connsiteY7" fmla="*/ 2502 h 10000"/>
              <a:gd name="connsiteX8" fmla="*/ 8976 w 10000"/>
              <a:gd name="connsiteY8" fmla="*/ 3011 h 10000"/>
              <a:gd name="connsiteX9" fmla="*/ 9233 w 10000"/>
              <a:gd name="connsiteY9" fmla="*/ 3520 h 10000"/>
              <a:gd name="connsiteX10" fmla="*/ 9561 w 10000"/>
              <a:gd name="connsiteY10" fmla="*/ 3930 h 10000"/>
              <a:gd name="connsiteX11" fmla="*/ 9743 w 10000"/>
              <a:gd name="connsiteY11" fmla="*/ 4286 h 10000"/>
              <a:gd name="connsiteX12" fmla="*/ 9890 w 10000"/>
              <a:gd name="connsiteY12" fmla="*/ 4542 h 10000"/>
              <a:gd name="connsiteX13" fmla="*/ 10000 w 10000"/>
              <a:gd name="connsiteY13" fmla="*/ 5307 h 10000"/>
              <a:gd name="connsiteX14" fmla="*/ 9781 w 10000"/>
              <a:gd name="connsiteY14" fmla="*/ 5765 h 10000"/>
              <a:gd name="connsiteX15" fmla="*/ 9670 w 10000"/>
              <a:gd name="connsiteY15" fmla="*/ 6022 h 10000"/>
              <a:gd name="connsiteX16" fmla="*/ 9670 w 10000"/>
              <a:gd name="connsiteY16" fmla="*/ 6480 h 10000"/>
              <a:gd name="connsiteX17" fmla="*/ 9233 w 10000"/>
              <a:gd name="connsiteY17" fmla="*/ 6428 h 10000"/>
              <a:gd name="connsiteX18" fmla="*/ 8902 w 10000"/>
              <a:gd name="connsiteY18" fmla="*/ 6684 h 10000"/>
              <a:gd name="connsiteX19" fmla="*/ 8756 w 10000"/>
              <a:gd name="connsiteY19" fmla="*/ 6888 h 10000"/>
              <a:gd name="connsiteX20" fmla="*/ 8572 w 10000"/>
              <a:gd name="connsiteY20" fmla="*/ 7296 h 10000"/>
              <a:gd name="connsiteX21" fmla="*/ 8609 w 10000"/>
              <a:gd name="connsiteY21" fmla="*/ 7656 h 10000"/>
              <a:gd name="connsiteX22" fmla="*/ 8793 w 10000"/>
              <a:gd name="connsiteY22" fmla="*/ 8266 h 10000"/>
              <a:gd name="connsiteX23" fmla="*/ 8537 w 10000"/>
              <a:gd name="connsiteY23" fmla="*/ 8625 h 10000"/>
              <a:gd name="connsiteX24" fmla="*/ 8537 w 10000"/>
              <a:gd name="connsiteY24" fmla="*/ 9033 h 10000"/>
              <a:gd name="connsiteX25" fmla="*/ 8537 w 10000"/>
              <a:gd name="connsiteY25" fmla="*/ 9287 h 10000"/>
              <a:gd name="connsiteX26" fmla="*/ 8170 w 10000"/>
              <a:gd name="connsiteY26" fmla="*/ 9439 h 10000"/>
              <a:gd name="connsiteX27" fmla="*/ 8097 w 10000"/>
              <a:gd name="connsiteY27" fmla="*/ 9694 h 10000"/>
              <a:gd name="connsiteX28" fmla="*/ 8134 w 10000"/>
              <a:gd name="connsiteY28" fmla="*/ 9950 h 10000"/>
              <a:gd name="connsiteX29" fmla="*/ 8023 w 10000"/>
              <a:gd name="connsiteY29" fmla="*/ 10000 h 10000"/>
              <a:gd name="connsiteX30" fmla="*/ 7766 w 10000"/>
              <a:gd name="connsiteY30" fmla="*/ 9643 h 10000"/>
              <a:gd name="connsiteX31" fmla="*/ 7546 w 10000"/>
              <a:gd name="connsiteY31" fmla="*/ 9542 h 10000"/>
              <a:gd name="connsiteX32" fmla="*/ 7400 w 10000"/>
              <a:gd name="connsiteY32" fmla="*/ 9439 h 10000"/>
              <a:gd name="connsiteX33" fmla="*/ 1502 w 10000"/>
              <a:gd name="connsiteY33" fmla="*/ 9643 h 10000"/>
              <a:gd name="connsiteX34" fmla="*/ 1428 w 10000"/>
              <a:gd name="connsiteY34" fmla="*/ 9185 h 10000"/>
              <a:gd name="connsiteX35" fmla="*/ 1428 w 10000"/>
              <a:gd name="connsiteY35" fmla="*/ 9085 h 10000"/>
              <a:gd name="connsiteX36" fmla="*/ 1428 w 10000"/>
              <a:gd name="connsiteY36" fmla="*/ 8726 h 10000"/>
              <a:gd name="connsiteX37" fmla="*/ 1466 w 10000"/>
              <a:gd name="connsiteY37" fmla="*/ 8421 h 10000"/>
              <a:gd name="connsiteX38" fmla="*/ 1392 w 10000"/>
              <a:gd name="connsiteY38" fmla="*/ 7961 h 10000"/>
              <a:gd name="connsiteX39" fmla="*/ 1246 w 10000"/>
              <a:gd name="connsiteY39" fmla="*/ 7397 h 10000"/>
              <a:gd name="connsiteX40" fmla="*/ 1173 w 10000"/>
              <a:gd name="connsiteY40" fmla="*/ 6991 h 10000"/>
              <a:gd name="connsiteX41" fmla="*/ 1356 w 10000"/>
              <a:gd name="connsiteY41" fmla="*/ 6684 h 10000"/>
              <a:gd name="connsiteX42" fmla="*/ 1062 w 10000"/>
              <a:gd name="connsiteY42" fmla="*/ 6226 h 10000"/>
              <a:gd name="connsiteX43" fmla="*/ 1062 w 10000"/>
              <a:gd name="connsiteY43" fmla="*/ 6124 h 10000"/>
              <a:gd name="connsiteX44" fmla="*/ 1100 w 10000"/>
              <a:gd name="connsiteY44" fmla="*/ 5614 h 10000"/>
              <a:gd name="connsiteX45" fmla="*/ 953 w 10000"/>
              <a:gd name="connsiteY45" fmla="*/ 5204 h 10000"/>
              <a:gd name="connsiteX46" fmla="*/ 696 w 10000"/>
              <a:gd name="connsiteY46" fmla="*/ 4388 h 10000"/>
              <a:gd name="connsiteX47" fmla="*/ 623 w 10000"/>
              <a:gd name="connsiteY47" fmla="*/ 3776 h 10000"/>
              <a:gd name="connsiteX48" fmla="*/ 623 w 10000"/>
              <a:gd name="connsiteY48" fmla="*/ 3367 h 10000"/>
              <a:gd name="connsiteX49" fmla="*/ 0 w 10000"/>
              <a:gd name="connsiteY49" fmla="*/ 2553 h 10000"/>
              <a:gd name="connsiteX50" fmla="*/ 477 w 10000"/>
              <a:gd name="connsiteY50" fmla="*/ 1990 h 10000"/>
              <a:gd name="connsiteX51" fmla="*/ 477 w 10000"/>
              <a:gd name="connsiteY51" fmla="*/ 1736 h 10000"/>
              <a:gd name="connsiteX52" fmla="*/ 477 w 10000"/>
              <a:gd name="connsiteY52" fmla="*/ 969 h 10000"/>
              <a:gd name="connsiteX53" fmla="*/ 147 w 10000"/>
              <a:gd name="connsiteY53" fmla="*/ 459 h 10000"/>
              <a:gd name="connsiteX54" fmla="*/ 257 w 10000"/>
              <a:gd name="connsiteY54" fmla="*/ 0 h 10000"/>
              <a:gd name="connsiteX0" fmla="*/ 257 w 10000"/>
              <a:gd name="connsiteY0" fmla="*/ 0 h 10000"/>
              <a:gd name="connsiteX1" fmla="*/ 8448 w 10000"/>
              <a:gd name="connsiteY1" fmla="*/ 90 h 10000"/>
              <a:gd name="connsiteX2" fmla="*/ 8353 w 10000"/>
              <a:gd name="connsiteY2" fmla="*/ 561 h 10000"/>
              <a:gd name="connsiteX3" fmla="*/ 8682 w 10000"/>
              <a:gd name="connsiteY3" fmla="*/ 969 h 10000"/>
              <a:gd name="connsiteX4" fmla="*/ 8631 w 10000"/>
              <a:gd name="connsiteY4" fmla="*/ 1264 h 10000"/>
              <a:gd name="connsiteX5" fmla="*/ 8426 w 10000"/>
              <a:gd name="connsiteY5" fmla="*/ 1938 h 10000"/>
              <a:gd name="connsiteX6" fmla="*/ 8537 w 10000"/>
              <a:gd name="connsiteY6" fmla="*/ 2194 h 10000"/>
              <a:gd name="connsiteX7" fmla="*/ 8572 w 10000"/>
              <a:gd name="connsiteY7" fmla="*/ 2502 h 10000"/>
              <a:gd name="connsiteX8" fmla="*/ 8976 w 10000"/>
              <a:gd name="connsiteY8" fmla="*/ 3011 h 10000"/>
              <a:gd name="connsiteX9" fmla="*/ 9458 w 10000"/>
              <a:gd name="connsiteY9" fmla="*/ 3329 h 10000"/>
              <a:gd name="connsiteX10" fmla="*/ 9561 w 10000"/>
              <a:gd name="connsiteY10" fmla="*/ 3930 h 10000"/>
              <a:gd name="connsiteX11" fmla="*/ 9743 w 10000"/>
              <a:gd name="connsiteY11" fmla="*/ 4286 h 10000"/>
              <a:gd name="connsiteX12" fmla="*/ 9890 w 10000"/>
              <a:gd name="connsiteY12" fmla="*/ 4542 h 10000"/>
              <a:gd name="connsiteX13" fmla="*/ 10000 w 10000"/>
              <a:gd name="connsiteY13" fmla="*/ 5307 h 10000"/>
              <a:gd name="connsiteX14" fmla="*/ 9781 w 10000"/>
              <a:gd name="connsiteY14" fmla="*/ 5765 h 10000"/>
              <a:gd name="connsiteX15" fmla="*/ 9670 w 10000"/>
              <a:gd name="connsiteY15" fmla="*/ 6022 h 10000"/>
              <a:gd name="connsiteX16" fmla="*/ 9670 w 10000"/>
              <a:gd name="connsiteY16" fmla="*/ 6480 h 10000"/>
              <a:gd name="connsiteX17" fmla="*/ 9233 w 10000"/>
              <a:gd name="connsiteY17" fmla="*/ 6428 h 10000"/>
              <a:gd name="connsiteX18" fmla="*/ 8902 w 10000"/>
              <a:gd name="connsiteY18" fmla="*/ 6684 h 10000"/>
              <a:gd name="connsiteX19" fmla="*/ 8756 w 10000"/>
              <a:gd name="connsiteY19" fmla="*/ 6888 h 10000"/>
              <a:gd name="connsiteX20" fmla="*/ 8572 w 10000"/>
              <a:gd name="connsiteY20" fmla="*/ 7296 h 10000"/>
              <a:gd name="connsiteX21" fmla="*/ 8609 w 10000"/>
              <a:gd name="connsiteY21" fmla="*/ 7656 h 10000"/>
              <a:gd name="connsiteX22" fmla="*/ 8793 w 10000"/>
              <a:gd name="connsiteY22" fmla="*/ 8266 h 10000"/>
              <a:gd name="connsiteX23" fmla="*/ 8537 w 10000"/>
              <a:gd name="connsiteY23" fmla="*/ 8625 h 10000"/>
              <a:gd name="connsiteX24" fmla="*/ 8537 w 10000"/>
              <a:gd name="connsiteY24" fmla="*/ 9033 h 10000"/>
              <a:gd name="connsiteX25" fmla="*/ 8537 w 10000"/>
              <a:gd name="connsiteY25" fmla="*/ 9287 h 10000"/>
              <a:gd name="connsiteX26" fmla="*/ 8170 w 10000"/>
              <a:gd name="connsiteY26" fmla="*/ 9439 h 10000"/>
              <a:gd name="connsiteX27" fmla="*/ 8097 w 10000"/>
              <a:gd name="connsiteY27" fmla="*/ 9694 h 10000"/>
              <a:gd name="connsiteX28" fmla="*/ 8134 w 10000"/>
              <a:gd name="connsiteY28" fmla="*/ 9950 h 10000"/>
              <a:gd name="connsiteX29" fmla="*/ 8023 w 10000"/>
              <a:gd name="connsiteY29" fmla="*/ 10000 h 10000"/>
              <a:gd name="connsiteX30" fmla="*/ 7766 w 10000"/>
              <a:gd name="connsiteY30" fmla="*/ 9643 h 10000"/>
              <a:gd name="connsiteX31" fmla="*/ 7546 w 10000"/>
              <a:gd name="connsiteY31" fmla="*/ 9542 h 10000"/>
              <a:gd name="connsiteX32" fmla="*/ 7400 w 10000"/>
              <a:gd name="connsiteY32" fmla="*/ 9439 h 10000"/>
              <a:gd name="connsiteX33" fmla="*/ 1502 w 10000"/>
              <a:gd name="connsiteY33" fmla="*/ 9643 h 10000"/>
              <a:gd name="connsiteX34" fmla="*/ 1428 w 10000"/>
              <a:gd name="connsiteY34" fmla="*/ 9185 h 10000"/>
              <a:gd name="connsiteX35" fmla="*/ 1428 w 10000"/>
              <a:gd name="connsiteY35" fmla="*/ 9085 h 10000"/>
              <a:gd name="connsiteX36" fmla="*/ 1428 w 10000"/>
              <a:gd name="connsiteY36" fmla="*/ 8726 h 10000"/>
              <a:gd name="connsiteX37" fmla="*/ 1466 w 10000"/>
              <a:gd name="connsiteY37" fmla="*/ 8421 h 10000"/>
              <a:gd name="connsiteX38" fmla="*/ 1392 w 10000"/>
              <a:gd name="connsiteY38" fmla="*/ 7961 h 10000"/>
              <a:gd name="connsiteX39" fmla="*/ 1246 w 10000"/>
              <a:gd name="connsiteY39" fmla="*/ 7397 h 10000"/>
              <a:gd name="connsiteX40" fmla="*/ 1173 w 10000"/>
              <a:gd name="connsiteY40" fmla="*/ 6991 h 10000"/>
              <a:gd name="connsiteX41" fmla="*/ 1356 w 10000"/>
              <a:gd name="connsiteY41" fmla="*/ 6684 h 10000"/>
              <a:gd name="connsiteX42" fmla="*/ 1062 w 10000"/>
              <a:gd name="connsiteY42" fmla="*/ 6226 h 10000"/>
              <a:gd name="connsiteX43" fmla="*/ 1062 w 10000"/>
              <a:gd name="connsiteY43" fmla="*/ 6124 h 10000"/>
              <a:gd name="connsiteX44" fmla="*/ 1100 w 10000"/>
              <a:gd name="connsiteY44" fmla="*/ 5614 h 10000"/>
              <a:gd name="connsiteX45" fmla="*/ 953 w 10000"/>
              <a:gd name="connsiteY45" fmla="*/ 5204 h 10000"/>
              <a:gd name="connsiteX46" fmla="*/ 696 w 10000"/>
              <a:gd name="connsiteY46" fmla="*/ 4388 h 10000"/>
              <a:gd name="connsiteX47" fmla="*/ 623 w 10000"/>
              <a:gd name="connsiteY47" fmla="*/ 3776 h 10000"/>
              <a:gd name="connsiteX48" fmla="*/ 623 w 10000"/>
              <a:gd name="connsiteY48" fmla="*/ 3367 h 10000"/>
              <a:gd name="connsiteX49" fmla="*/ 0 w 10000"/>
              <a:gd name="connsiteY49" fmla="*/ 2553 h 10000"/>
              <a:gd name="connsiteX50" fmla="*/ 477 w 10000"/>
              <a:gd name="connsiteY50" fmla="*/ 1990 h 10000"/>
              <a:gd name="connsiteX51" fmla="*/ 477 w 10000"/>
              <a:gd name="connsiteY51" fmla="*/ 1736 h 10000"/>
              <a:gd name="connsiteX52" fmla="*/ 477 w 10000"/>
              <a:gd name="connsiteY52" fmla="*/ 969 h 10000"/>
              <a:gd name="connsiteX53" fmla="*/ 147 w 10000"/>
              <a:gd name="connsiteY53" fmla="*/ 459 h 10000"/>
              <a:gd name="connsiteX54" fmla="*/ 257 w 10000"/>
              <a:gd name="connsiteY54" fmla="*/ 0 h 10000"/>
              <a:gd name="connsiteX0" fmla="*/ 257 w 10000"/>
              <a:gd name="connsiteY0" fmla="*/ 0 h 10000"/>
              <a:gd name="connsiteX1" fmla="*/ 8448 w 10000"/>
              <a:gd name="connsiteY1" fmla="*/ 90 h 10000"/>
              <a:gd name="connsiteX2" fmla="*/ 8353 w 10000"/>
              <a:gd name="connsiteY2" fmla="*/ 561 h 10000"/>
              <a:gd name="connsiteX3" fmla="*/ 8682 w 10000"/>
              <a:gd name="connsiteY3" fmla="*/ 969 h 10000"/>
              <a:gd name="connsiteX4" fmla="*/ 8631 w 10000"/>
              <a:gd name="connsiteY4" fmla="*/ 1264 h 10000"/>
              <a:gd name="connsiteX5" fmla="*/ 8426 w 10000"/>
              <a:gd name="connsiteY5" fmla="*/ 1938 h 10000"/>
              <a:gd name="connsiteX6" fmla="*/ 8537 w 10000"/>
              <a:gd name="connsiteY6" fmla="*/ 2194 h 10000"/>
              <a:gd name="connsiteX7" fmla="*/ 8572 w 10000"/>
              <a:gd name="connsiteY7" fmla="*/ 2502 h 10000"/>
              <a:gd name="connsiteX8" fmla="*/ 8976 w 10000"/>
              <a:gd name="connsiteY8" fmla="*/ 3011 h 10000"/>
              <a:gd name="connsiteX9" fmla="*/ 9458 w 10000"/>
              <a:gd name="connsiteY9" fmla="*/ 3329 h 10000"/>
              <a:gd name="connsiteX10" fmla="*/ 9561 w 10000"/>
              <a:gd name="connsiteY10" fmla="*/ 3930 h 10000"/>
              <a:gd name="connsiteX11" fmla="*/ 9743 w 10000"/>
              <a:gd name="connsiteY11" fmla="*/ 4286 h 10000"/>
              <a:gd name="connsiteX12" fmla="*/ 9890 w 10000"/>
              <a:gd name="connsiteY12" fmla="*/ 4542 h 10000"/>
              <a:gd name="connsiteX13" fmla="*/ 10000 w 10000"/>
              <a:gd name="connsiteY13" fmla="*/ 5307 h 10000"/>
              <a:gd name="connsiteX14" fmla="*/ 9781 w 10000"/>
              <a:gd name="connsiteY14" fmla="*/ 5765 h 10000"/>
              <a:gd name="connsiteX15" fmla="*/ 9670 w 10000"/>
              <a:gd name="connsiteY15" fmla="*/ 6022 h 10000"/>
              <a:gd name="connsiteX16" fmla="*/ 9670 w 10000"/>
              <a:gd name="connsiteY16" fmla="*/ 6480 h 10000"/>
              <a:gd name="connsiteX17" fmla="*/ 9233 w 10000"/>
              <a:gd name="connsiteY17" fmla="*/ 6428 h 10000"/>
              <a:gd name="connsiteX18" fmla="*/ 8902 w 10000"/>
              <a:gd name="connsiteY18" fmla="*/ 6684 h 10000"/>
              <a:gd name="connsiteX19" fmla="*/ 8756 w 10000"/>
              <a:gd name="connsiteY19" fmla="*/ 6888 h 10000"/>
              <a:gd name="connsiteX20" fmla="*/ 8572 w 10000"/>
              <a:gd name="connsiteY20" fmla="*/ 7296 h 10000"/>
              <a:gd name="connsiteX21" fmla="*/ 8609 w 10000"/>
              <a:gd name="connsiteY21" fmla="*/ 7656 h 10000"/>
              <a:gd name="connsiteX22" fmla="*/ 8793 w 10000"/>
              <a:gd name="connsiteY22" fmla="*/ 8266 h 10000"/>
              <a:gd name="connsiteX23" fmla="*/ 8537 w 10000"/>
              <a:gd name="connsiteY23" fmla="*/ 8625 h 10000"/>
              <a:gd name="connsiteX24" fmla="*/ 8537 w 10000"/>
              <a:gd name="connsiteY24" fmla="*/ 9033 h 10000"/>
              <a:gd name="connsiteX25" fmla="*/ 8170 w 10000"/>
              <a:gd name="connsiteY25" fmla="*/ 9439 h 10000"/>
              <a:gd name="connsiteX26" fmla="*/ 8097 w 10000"/>
              <a:gd name="connsiteY26" fmla="*/ 9694 h 10000"/>
              <a:gd name="connsiteX27" fmla="*/ 8134 w 10000"/>
              <a:gd name="connsiteY27" fmla="*/ 9950 h 10000"/>
              <a:gd name="connsiteX28" fmla="*/ 8023 w 10000"/>
              <a:gd name="connsiteY28" fmla="*/ 10000 h 10000"/>
              <a:gd name="connsiteX29" fmla="*/ 7766 w 10000"/>
              <a:gd name="connsiteY29" fmla="*/ 9643 h 10000"/>
              <a:gd name="connsiteX30" fmla="*/ 7546 w 10000"/>
              <a:gd name="connsiteY30" fmla="*/ 9542 h 10000"/>
              <a:gd name="connsiteX31" fmla="*/ 7400 w 10000"/>
              <a:gd name="connsiteY31" fmla="*/ 9439 h 10000"/>
              <a:gd name="connsiteX32" fmla="*/ 1502 w 10000"/>
              <a:gd name="connsiteY32" fmla="*/ 9643 h 10000"/>
              <a:gd name="connsiteX33" fmla="*/ 1428 w 10000"/>
              <a:gd name="connsiteY33" fmla="*/ 9185 h 10000"/>
              <a:gd name="connsiteX34" fmla="*/ 1428 w 10000"/>
              <a:gd name="connsiteY34" fmla="*/ 9085 h 10000"/>
              <a:gd name="connsiteX35" fmla="*/ 1428 w 10000"/>
              <a:gd name="connsiteY35" fmla="*/ 8726 h 10000"/>
              <a:gd name="connsiteX36" fmla="*/ 1466 w 10000"/>
              <a:gd name="connsiteY36" fmla="*/ 8421 h 10000"/>
              <a:gd name="connsiteX37" fmla="*/ 1392 w 10000"/>
              <a:gd name="connsiteY37" fmla="*/ 7961 h 10000"/>
              <a:gd name="connsiteX38" fmla="*/ 1246 w 10000"/>
              <a:gd name="connsiteY38" fmla="*/ 7397 h 10000"/>
              <a:gd name="connsiteX39" fmla="*/ 1173 w 10000"/>
              <a:gd name="connsiteY39" fmla="*/ 6991 h 10000"/>
              <a:gd name="connsiteX40" fmla="*/ 1356 w 10000"/>
              <a:gd name="connsiteY40" fmla="*/ 6684 h 10000"/>
              <a:gd name="connsiteX41" fmla="*/ 1062 w 10000"/>
              <a:gd name="connsiteY41" fmla="*/ 6226 h 10000"/>
              <a:gd name="connsiteX42" fmla="*/ 1062 w 10000"/>
              <a:gd name="connsiteY42" fmla="*/ 6124 h 10000"/>
              <a:gd name="connsiteX43" fmla="*/ 1100 w 10000"/>
              <a:gd name="connsiteY43" fmla="*/ 5614 h 10000"/>
              <a:gd name="connsiteX44" fmla="*/ 953 w 10000"/>
              <a:gd name="connsiteY44" fmla="*/ 5204 h 10000"/>
              <a:gd name="connsiteX45" fmla="*/ 696 w 10000"/>
              <a:gd name="connsiteY45" fmla="*/ 4388 h 10000"/>
              <a:gd name="connsiteX46" fmla="*/ 623 w 10000"/>
              <a:gd name="connsiteY46" fmla="*/ 3776 h 10000"/>
              <a:gd name="connsiteX47" fmla="*/ 623 w 10000"/>
              <a:gd name="connsiteY47" fmla="*/ 3367 h 10000"/>
              <a:gd name="connsiteX48" fmla="*/ 0 w 10000"/>
              <a:gd name="connsiteY48" fmla="*/ 2553 h 10000"/>
              <a:gd name="connsiteX49" fmla="*/ 477 w 10000"/>
              <a:gd name="connsiteY49" fmla="*/ 1990 h 10000"/>
              <a:gd name="connsiteX50" fmla="*/ 477 w 10000"/>
              <a:gd name="connsiteY50" fmla="*/ 1736 h 10000"/>
              <a:gd name="connsiteX51" fmla="*/ 477 w 10000"/>
              <a:gd name="connsiteY51" fmla="*/ 969 h 10000"/>
              <a:gd name="connsiteX52" fmla="*/ 147 w 10000"/>
              <a:gd name="connsiteY52" fmla="*/ 459 h 10000"/>
              <a:gd name="connsiteX53" fmla="*/ 257 w 10000"/>
              <a:gd name="connsiteY53" fmla="*/ 0 h 10000"/>
              <a:gd name="connsiteX0" fmla="*/ 257 w 10000"/>
              <a:gd name="connsiteY0" fmla="*/ 0 h 10000"/>
              <a:gd name="connsiteX1" fmla="*/ 8448 w 10000"/>
              <a:gd name="connsiteY1" fmla="*/ 90 h 10000"/>
              <a:gd name="connsiteX2" fmla="*/ 8353 w 10000"/>
              <a:gd name="connsiteY2" fmla="*/ 561 h 10000"/>
              <a:gd name="connsiteX3" fmla="*/ 8682 w 10000"/>
              <a:gd name="connsiteY3" fmla="*/ 969 h 10000"/>
              <a:gd name="connsiteX4" fmla="*/ 8631 w 10000"/>
              <a:gd name="connsiteY4" fmla="*/ 1264 h 10000"/>
              <a:gd name="connsiteX5" fmla="*/ 8426 w 10000"/>
              <a:gd name="connsiteY5" fmla="*/ 1938 h 10000"/>
              <a:gd name="connsiteX6" fmla="*/ 8537 w 10000"/>
              <a:gd name="connsiteY6" fmla="*/ 2194 h 10000"/>
              <a:gd name="connsiteX7" fmla="*/ 8572 w 10000"/>
              <a:gd name="connsiteY7" fmla="*/ 2502 h 10000"/>
              <a:gd name="connsiteX8" fmla="*/ 8976 w 10000"/>
              <a:gd name="connsiteY8" fmla="*/ 3011 h 10000"/>
              <a:gd name="connsiteX9" fmla="*/ 9458 w 10000"/>
              <a:gd name="connsiteY9" fmla="*/ 3329 h 10000"/>
              <a:gd name="connsiteX10" fmla="*/ 9561 w 10000"/>
              <a:gd name="connsiteY10" fmla="*/ 3930 h 10000"/>
              <a:gd name="connsiteX11" fmla="*/ 9743 w 10000"/>
              <a:gd name="connsiteY11" fmla="*/ 4286 h 10000"/>
              <a:gd name="connsiteX12" fmla="*/ 9890 w 10000"/>
              <a:gd name="connsiteY12" fmla="*/ 4542 h 10000"/>
              <a:gd name="connsiteX13" fmla="*/ 10000 w 10000"/>
              <a:gd name="connsiteY13" fmla="*/ 5307 h 10000"/>
              <a:gd name="connsiteX14" fmla="*/ 9781 w 10000"/>
              <a:gd name="connsiteY14" fmla="*/ 5765 h 10000"/>
              <a:gd name="connsiteX15" fmla="*/ 9670 w 10000"/>
              <a:gd name="connsiteY15" fmla="*/ 6022 h 10000"/>
              <a:gd name="connsiteX16" fmla="*/ 9670 w 10000"/>
              <a:gd name="connsiteY16" fmla="*/ 6480 h 10000"/>
              <a:gd name="connsiteX17" fmla="*/ 9233 w 10000"/>
              <a:gd name="connsiteY17" fmla="*/ 6428 h 10000"/>
              <a:gd name="connsiteX18" fmla="*/ 8902 w 10000"/>
              <a:gd name="connsiteY18" fmla="*/ 6684 h 10000"/>
              <a:gd name="connsiteX19" fmla="*/ 8756 w 10000"/>
              <a:gd name="connsiteY19" fmla="*/ 6888 h 10000"/>
              <a:gd name="connsiteX20" fmla="*/ 8572 w 10000"/>
              <a:gd name="connsiteY20" fmla="*/ 7296 h 10000"/>
              <a:gd name="connsiteX21" fmla="*/ 8609 w 10000"/>
              <a:gd name="connsiteY21" fmla="*/ 7656 h 10000"/>
              <a:gd name="connsiteX22" fmla="*/ 8793 w 10000"/>
              <a:gd name="connsiteY22" fmla="*/ 8266 h 10000"/>
              <a:gd name="connsiteX23" fmla="*/ 8537 w 10000"/>
              <a:gd name="connsiteY23" fmla="*/ 8625 h 10000"/>
              <a:gd name="connsiteX24" fmla="*/ 8170 w 10000"/>
              <a:gd name="connsiteY24" fmla="*/ 9439 h 10000"/>
              <a:gd name="connsiteX25" fmla="*/ 8097 w 10000"/>
              <a:gd name="connsiteY25" fmla="*/ 9694 h 10000"/>
              <a:gd name="connsiteX26" fmla="*/ 8134 w 10000"/>
              <a:gd name="connsiteY26" fmla="*/ 9950 h 10000"/>
              <a:gd name="connsiteX27" fmla="*/ 8023 w 10000"/>
              <a:gd name="connsiteY27" fmla="*/ 10000 h 10000"/>
              <a:gd name="connsiteX28" fmla="*/ 7766 w 10000"/>
              <a:gd name="connsiteY28" fmla="*/ 9643 h 10000"/>
              <a:gd name="connsiteX29" fmla="*/ 7546 w 10000"/>
              <a:gd name="connsiteY29" fmla="*/ 9542 h 10000"/>
              <a:gd name="connsiteX30" fmla="*/ 7400 w 10000"/>
              <a:gd name="connsiteY30" fmla="*/ 9439 h 10000"/>
              <a:gd name="connsiteX31" fmla="*/ 1502 w 10000"/>
              <a:gd name="connsiteY31" fmla="*/ 9643 h 10000"/>
              <a:gd name="connsiteX32" fmla="*/ 1428 w 10000"/>
              <a:gd name="connsiteY32" fmla="*/ 9185 h 10000"/>
              <a:gd name="connsiteX33" fmla="*/ 1428 w 10000"/>
              <a:gd name="connsiteY33" fmla="*/ 9085 h 10000"/>
              <a:gd name="connsiteX34" fmla="*/ 1428 w 10000"/>
              <a:gd name="connsiteY34" fmla="*/ 8726 h 10000"/>
              <a:gd name="connsiteX35" fmla="*/ 1466 w 10000"/>
              <a:gd name="connsiteY35" fmla="*/ 8421 h 10000"/>
              <a:gd name="connsiteX36" fmla="*/ 1392 w 10000"/>
              <a:gd name="connsiteY36" fmla="*/ 7961 h 10000"/>
              <a:gd name="connsiteX37" fmla="*/ 1246 w 10000"/>
              <a:gd name="connsiteY37" fmla="*/ 7397 h 10000"/>
              <a:gd name="connsiteX38" fmla="*/ 1173 w 10000"/>
              <a:gd name="connsiteY38" fmla="*/ 6991 h 10000"/>
              <a:gd name="connsiteX39" fmla="*/ 1356 w 10000"/>
              <a:gd name="connsiteY39" fmla="*/ 6684 h 10000"/>
              <a:gd name="connsiteX40" fmla="*/ 1062 w 10000"/>
              <a:gd name="connsiteY40" fmla="*/ 6226 h 10000"/>
              <a:gd name="connsiteX41" fmla="*/ 1062 w 10000"/>
              <a:gd name="connsiteY41" fmla="*/ 6124 h 10000"/>
              <a:gd name="connsiteX42" fmla="*/ 1100 w 10000"/>
              <a:gd name="connsiteY42" fmla="*/ 5614 h 10000"/>
              <a:gd name="connsiteX43" fmla="*/ 953 w 10000"/>
              <a:gd name="connsiteY43" fmla="*/ 5204 h 10000"/>
              <a:gd name="connsiteX44" fmla="*/ 696 w 10000"/>
              <a:gd name="connsiteY44" fmla="*/ 4388 h 10000"/>
              <a:gd name="connsiteX45" fmla="*/ 623 w 10000"/>
              <a:gd name="connsiteY45" fmla="*/ 3776 h 10000"/>
              <a:gd name="connsiteX46" fmla="*/ 623 w 10000"/>
              <a:gd name="connsiteY46" fmla="*/ 3367 h 10000"/>
              <a:gd name="connsiteX47" fmla="*/ 0 w 10000"/>
              <a:gd name="connsiteY47" fmla="*/ 2553 h 10000"/>
              <a:gd name="connsiteX48" fmla="*/ 477 w 10000"/>
              <a:gd name="connsiteY48" fmla="*/ 1990 h 10000"/>
              <a:gd name="connsiteX49" fmla="*/ 477 w 10000"/>
              <a:gd name="connsiteY49" fmla="*/ 1736 h 10000"/>
              <a:gd name="connsiteX50" fmla="*/ 477 w 10000"/>
              <a:gd name="connsiteY50" fmla="*/ 969 h 10000"/>
              <a:gd name="connsiteX51" fmla="*/ 147 w 10000"/>
              <a:gd name="connsiteY51" fmla="*/ 459 h 10000"/>
              <a:gd name="connsiteX52" fmla="*/ 257 w 10000"/>
              <a:gd name="connsiteY52" fmla="*/ 0 h 10000"/>
              <a:gd name="connsiteX0" fmla="*/ 257 w 10000"/>
              <a:gd name="connsiteY0" fmla="*/ 0 h 9950"/>
              <a:gd name="connsiteX1" fmla="*/ 8448 w 10000"/>
              <a:gd name="connsiteY1" fmla="*/ 90 h 9950"/>
              <a:gd name="connsiteX2" fmla="*/ 8353 w 10000"/>
              <a:gd name="connsiteY2" fmla="*/ 561 h 9950"/>
              <a:gd name="connsiteX3" fmla="*/ 8682 w 10000"/>
              <a:gd name="connsiteY3" fmla="*/ 969 h 9950"/>
              <a:gd name="connsiteX4" fmla="*/ 8631 w 10000"/>
              <a:gd name="connsiteY4" fmla="*/ 1264 h 9950"/>
              <a:gd name="connsiteX5" fmla="*/ 8426 w 10000"/>
              <a:gd name="connsiteY5" fmla="*/ 1938 h 9950"/>
              <a:gd name="connsiteX6" fmla="*/ 8537 w 10000"/>
              <a:gd name="connsiteY6" fmla="*/ 2194 h 9950"/>
              <a:gd name="connsiteX7" fmla="*/ 8572 w 10000"/>
              <a:gd name="connsiteY7" fmla="*/ 2502 h 9950"/>
              <a:gd name="connsiteX8" fmla="*/ 8976 w 10000"/>
              <a:gd name="connsiteY8" fmla="*/ 3011 h 9950"/>
              <a:gd name="connsiteX9" fmla="*/ 9458 w 10000"/>
              <a:gd name="connsiteY9" fmla="*/ 3329 h 9950"/>
              <a:gd name="connsiteX10" fmla="*/ 9561 w 10000"/>
              <a:gd name="connsiteY10" fmla="*/ 3930 h 9950"/>
              <a:gd name="connsiteX11" fmla="*/ 9743 w 10000"/>
              <a:gd name="connsiteY11" fmla="*/ 4286 h 9950"/>
              <a:gd name="connsiteX12" fmla="*/ 9890 w 10000"/>
              <a:gd name="connsiteY12" fmla="*/ 4542 h 9950"/>
              <a:gd name="connsiteX13" fmla="*/ 10000 w 10000"/>
              <a:gd name="connsiteY13" fmla="*/ 5307 h 9950"/>
              <a:gd name="connsiteX14" fmla="*/ 9781 w 10000"/>
              <a:gd name="connsiteY14" fmla="*/ 5765 h 9950"/>
              <a:gd name="connsiteX15" fmla="*/ 9670 w 10000"/>
              <a:gd name="connsiteY15" fmla="*/ 6022 h 9950"/>
              <a:gd name="connsiteX16" fmla="*/ 9670 w 10000"/>
              <a:gd name="connsiteY16" fmla="*/ 6480 h 9950"/>
              <a:gd name="connsiteX17" fmla="*/ 9233 w 10000"/>
              <a:gd name="connsiteY17" fmla="*/ 6428 h 9950"/>
              <a:gd name="connsiteX18" fmla="*/ 8902 w 10000"/>
              <a:gd name="connsiteY18" fmla="*/ 6684 h 9950"/>
              <a:gd name="connsiteX19" fmla="*/ 8756 w 10000"/>
              <a:gd name="connsiteY19" fmla="*/ 6888 h 9950"/>
              <a:gd name="connsiteX20" fmla="*/ 8572 w 10000"/>
              <a:gd name="connsiteY20" fmla="*/ 7296 h 9950"/>
              <a:gd name="connsiteX21" fmla="*/ 8609 w 10000"/>
              <a:gd name="connsiteY21" fmla="*/ 7656 h 9950"/>
              <a:gd name="connsiteX22" fmla="*/ 8793 w 10000"/>
              <a:gd name="connsiteY22" fmla="*/ 8266 h 9950"/>
              <a:gd name="connsiteX23" fmla="*/ 8537 w 10000"/>
              <a:gd name="connsiteY23" fmla="*/ 8625 h 9950"/>
              <a:gd name="connsiteX24" fmla="*/ 8170 w 10000"/>
              <a:gd name="connsiteY24" fmla="*/ 9439 h 9950"/>
              <a:gd name="connsiteX25" fmla="*/ 8097 w 10000"/>
              <a:gd name="connsiteY25" fmla="*/ 9694 h 9950"/>
              <a:gd name="connsiteX26" fmla="*/ 8134 w 10000"/>
              <a:gd name="connsiteY26" fmla="*/ 9950 h 9950"/>
              <a:gd name="connsiteX27" fmla="*/ 7766 w 10000"/>
              <a:gd name="connsiteY27" fmla="*/ 9643 h 9950"/>
              <a:gd name="connsiteX28" fmla="*/ 7546 w 10000"/>
              <a:gd name="connsiteY28" fmla="*/ 9542 h 9950"/>
              <a:gd name="connsiteX29" fmla="*/ 7400 w 10000"/>
              <a:gd name="connsiteY29" fmla="*/ 9439 h 9950"/>
              <a:gd name="connsiteX30" fmla="*/ 1502 w 10000"/>
              <a:gd name="connsiteY30" fmla="*/ 9643 h 9950"/>
              <a:gd name="connsiteX31" fmla="*/ 1428 w 10000"/>
              <a:gd name="connsiteY31" fmla="*/ 9185 h 9950"/>
              <a:gd name="connsiteX32" fmla="*/ 1428 w 10000"/>
              <a:gd name="connsiteY32" fmla="*/ 9085 h 9950"/>
              <a:gd name="connsiteX33" fmla="*/ 1428 w 10000"/>
              <a:gd name="connsiteY33" fmla="*/ 8726 h 9950"/>
              <a:gd name="connsiteX34" fmla="*/ 1466 w 10000"/>
              <a:gd name="connsiteY34" fmla="*/ 8421 h 9950"/>
              <a:gd name="connsiteX35" fmla="*/ 1392 w 10000"/>
              <a:gd name="connsiteY35" fmla="*/ 7961 h 9950"/>
              <a:gd name="connsiteX36" fmla="*/ 1246 w 10000"/>
              <a:gd name="connsiteY36" fmla="*/ 7397 h 9950"/>
              <a:gd name="connsiteX37" fmla="*/ 1173 w 10000"/>
              <a:gd name="connsiteY37" fmla="*/ 6991 h 9950"/>
              <a:gd name="connsiteX38" fmla="*/ 1356 w 10000"/>
              <a:gd name="connsiteY38" fmla="*/ 6684 h 9950"/>
              <a:gd name="connsiteX39" fmla="*/ 1062 w 10000"/>
              <a:gd name="connsiteY39" fmla="*/ 6226 h 9950"/>
              <a:gd name="connsiteX40" fmla="*/ 1062 w 10000"/>
              <a:gd name="connsiteY40" fmla="*/ 6124 h 9950"/>
              <a:gd name="connsiteX41" fmla="*/ 1100 w 10000"/>
              <a:gd name="connsiteY41" fmla="*/ 5614 h 9950"/>
              <a:gd name="connsiteX42" fmla="*/ 953 w 10000"/>
              <a:gd name="connsiteY42" fmla="*/ 5204 h 9950"/>
              <a:gd name="connsiteX43" fmla="*/ 696 w 10000"/>
              <a:gd name="connsiteY43" fmla="*/ 4388 h 9950"/>
              <a:gd name="connsiteX44" fmla="*/ 623 w 10000"/>
              <a:gd name="connsiteY44" fmla="*/ 3776 h 9950"/>
              <a:gd name="connsiteX45" fmla="*/ 623 w 10000"/>
              <a:gd name="connsiteY45" fmla="*/ 3367 h 9950"/>
              <a:gd name="connsiteX46" fmla="*/ 0 w 10000"/>
              <a:gd name="connsiteY46" fmla="*/ 2553 h 9950"/>
              <a:gd name="connsiteX47" fmla="*/ 477 w 10000"/>
              <a:gd name="connsiteY47" fmla="*/ 1990 h 9950"/>
              <a:gd name="connsiteX48" fmla="*/ 477 w 10000"/>
              <a:gd name="connsiteY48" fmla="*/ 1736 h 9950"/>
              <a:gd name="connsiteX49" fmla="*/ 477 w 10000"/>
              <a:gd name="connsiteY49" fmla="*/ 969 h 9950"/>
              <a:gd name="connsiteX50" fmla="*/ 147 w 10000"/>
              <a:gd name="connsiteY50" fmla="*/ 459 h 9950"/>
              <a:gd name="connsiteX51" fmla="*/ 257 w 10000"/>
              <a:gd name="connsiteY51" fmla="*/ 0 h 9950"/>
              <a:gd name="connsiteX0" fmla="*/ 257 w 10000"/>
              <a:gd name="connsiteY0" fmla="*/ 0 h 9753"/>
              <a:gd name="connsiteX1" fmla="*/ 8448 w 10000"/>
              <a:gd name="connsiteY1" fmla="*/ 90 h 9753"/>
              <a:gd name="connsiteX2" fmla="*/ 8353 w 10000"/>
              <a:gd name="connsiteY2" fmla="*/ 564 h 9753"/>
              <a:gd name="connsiteX3" fmla="*/ 8682 w 10000"/>
              <a:gd name="connsiteY3" fmla="*/ 974 h 9753"/>
              <a:gd name="connsiteX4" fmla="*/ 8631 w 10000"/>
              <a:gd name="connsiteY4" fmla="*/ 1270 h 9753"/>
              <a:gd name="connsiteX5" fmla="*/ 8426 w 10000"/>
              <a:gd name="connsiteY5" fmla="*/ 1948 h 9753"/>
              <a:gd name="connsiteX6" fmla="*/ 8537 w 10000"/>
              <a:gd name="connsiteY6" fmla="*/ 2205 h 9753"/>
              <a:gd name="connsiteX7" fmla="*/ 8572 w 10000"/>
              <a:gd name="connsiteY7" fmla="*/ 2515 h 9753"/>
              <a:gd name="connsiteX8" fmla="*/ 8976 w 10000"/>
              <a:gd name="connsiteY8" fmla="*/ 3026 h 9753"/>
              <a:gd name="connsiteX9" fmla="*/ 9458 w 10000"/>
              <a:gd name="connsiteY9" fmla="*/ 3346 h 9753"/>
              <a:gd name="connsiteX10" fmla="*/ 9561 w 10000"/>
              <a:gd name="connsiteY10" fmla="*/ 3950 h 9753"/>
              <a:gd name="connsiteX11" fmla="*/ 9743 w 10000"/>
              <a:gd name="connsiteY11" fmla="*/ 4308 h 9753"/>
              <a:gd name="connsiteX12" fmla="*/ 9890 w 10000"/>
              <a:gd name="connsiteY12" fmla="*/ 4565 h 9753"/>
              <a:gd name="connsiteX13" fmla="*/ 10000 w 10000"/>
              <a:gd name="connsiteY13" fmla="*/ 5334 h 9753"/>
              <a:gd name="connsiteX14" fmla="*/ 9781 w 10000"/>
              <a:gd name="connsiteY14" fmla="*/ 5794 h 9753"/>
              <a:gd name="connsiteX15" fmla="*/ 9670 w 10000"/>
              <a:gd name="connsiteY15" fmla="*/ 6052 h 9753"/>
              <a:gd name="connsiteX16" fmla="*/ 9670 w 10000"/>
              <a:gd name="connsiteY16" fmla="*/ 6513 h 9753"/>
              <a:gd name="connsiteX17" fmla="*/ 9233 w 10000"/>
              <a:gd name="connsiteY17" fmla="*/ 6460 h 9753"/>
              <a:gd name="connsiteX18" fmla="*/ 8902 w 10000"/>
              <a:gd name="connsiteY18" fmla="*/ 6718 h 9753"/>
              <a:gd name="connsiteX19" fmla="*/ 8756 w 10000"/>
              <a:gd name="connsiteY19" fmla="*/ 6923 h 9753"/>
              <a:gd name="connsiteX20" fmla="*/ 8572 w 10000"/>
              <a:gd name="connsiteY20" fmla="*/ 7333 h 9753"/>
              <a:gd name="connsiteX21" fmla="*/ 8609 w 10000"/>
              <a:gd name="connsiteY21" fmla="*/ 7694 h 9753"/>
              <a:gd name="connsiteX22" fmla="*/ 8793 w 10000"/>
              <a:gd name="connsiteY22" fmla="*/ 8308 h 9753"/>
              <a:gd name="connsiteX23" fmla="*/ 8537 w 10000"/>
              <a:gd name="connsiteY23" fmla="*/ 8668 h 9753"/>
              <a:gd name="connsiteX24" fmla="*/ 8170 w 10000"/>
              <a:gd name="connsiteY24" fmla="*/ 9486 h 9753"/>
              <a:gd name="connsiteX25" fmla="*/ 8097 w 10000"/>
              <a:gd name="connsiteY25" fmla="*/ 9743 h 9753"/>
              <a:gd name="connsiteX26" fmla="*/ 7766 w 10000"/>
              <a:gd name="connsiteY26" fmla="*/ 9691 h 9753"/>
              <a:gd name="connsiteX27" fmla="*/ 7546 w 10000"/>
              <a:gd name="connsiteY27" fmla="*/ 9590 h 9753"/>
              <a:gd name="connsiteX28" fmla="*/ 7400 w 10000"/>
              <a:gd name="connsiteY28" fmla="*/ 9486 h 9753"/>
              <a:gd name="connsiteX29" fmla="*/ 1502 w 10000"/>
              <a:gd name="connsiteY29" fmla="*/ 9691 h 9753"/>
              <a:gd name="connsiteX30" fmla="*/ 1428 w 10000"/>
              <a:gd name="connsiteY30" fmla="*/ 9231 h 9753"/>
              <a:gd name="connsiteX31" fmla="*/ 1428 w 10000"/>
              <a:gd name="connsiteY31" fmla="*/ 9131 h 9753"/>
              <a:gd name="connsiteX32" fmla="*/ 1428 w 10000"/>
              <a:gd name="connsiteY32" fmla="*/ 8770 h 9753"/>
              <a:gd name="connsiteX33" fmla="*/ 1466 w 10000"/>
              <a:gd name="connsiteY33" fmla="*/ 8463 h 9753"/>
              <a:gd name="connsiteX34" fmla="*/ 1392 w 10000"/>
              <a:gd name="connsiteY34" fmla="*/ 8001 h 9753"/>
              <a:gd name="connsiteX35" fmla="*/ 1246 w 10000"/>
              <a:gd name="connsiteY35" fmla="*/ 7434 h 9753"/>
              <a:gd name="connsiteX36" fmla="*/ 1173 w 10000"/>
              <a:gd name="connsiteY36" fmla="*/ 7026 h 9753"/>
              <a:gd name="connsiteX37" fmla="*/ 1356 w 10000"/>
              <a:gd name="connsiteY37" fmla="*/ 6718 h 9753"/>
              <a:gd name="connsiteX38" fmla="*/ 1062 w 10000"/>
              <a:gd name="connsiteY38" fmla="*/ 6257 h 9753"/>
              <a:gd name="connsiteX39" fmla="*/ 1062 w 10000"/>
              <a:gd name="connsiteY39" fmla="*/ 6155 h 9753"/>
              <a:gd name="connsiteX40" fmla="*/ 1100 w 10000"/>
              <a:gd name="connsiteY40" fmla="*/ 5642 h 9753"/>
              <a:gd name="connsiteX41" fmla="*/ 953 w 10000"/>
              <a:gd name="connsiteY41" fmla="*/ 5230 h 9753"/>
              <a:gd name="connsiteX42" fmla="*/ 696 w 10000"/>
              <a:gd name="connsiteY42" fmla="*/ 4410 h 9753"/>
              <a:gd name="connsiteX43" fmla="*/ 623 w 10000"/>
              <a:gd name="connsiteY43" fmla="*/ 3795 h 9753"/>
              <a:gd name="connsiteX44" fmla="*/ 623 w 10000"/>
              <a:gd name="connsiteY44" fmla="*/ 3384 h 9753"/>
              <a:gd name="connsiteX45" fmla="*/ 0 w 10000"/>
              <a:gd name="connsiteY45" fmla="*/ 2566 h 9753"/>
              <a:gd name="connsiteX46" fmla="*/ 477 w 10000"/>
              <a:gd name="connsiteY46" fmla="*/ 2000 h 9753"/>
              <a:gd name="connsiteX47" fmla="*/ 477 w 10000"/>
              <a:gd name="connsiteY47" fmla="*/ 1745 h 9753"/>
              <a:gd name="connsiteX48" fmla="*/ 477 w 10000"/>
              <a:gd name="connsiteY48" fmla="*/ 974 h 9753"/>
              <a:gd name="connsiteX49" fmla="*/ 147 w 10000"/>
              <a:gd name="connsiteY49" fmla="*/ 461 h 9753"/>
              <a:gd name="connsiteX50" fmla="*/ 257 w 10000"/>
              <a:gd name="connsiteY50" fmla="*/ 0 h 9753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428 w 10000"/>
              <a:gd name="connsiteY30" fmla="*/ 9362 h 10000"/>
              <a:gd name="connsiteX31" fmla="*/ 1428 w 10000"/>
              <a:gd name="connsiteY31" fmla="*/ 8992 h 10000"/>
              <a:gd name="connsiteX32" fmla="*/ 1466 w 10000"/>
              <a:gd name="connsiteY32" fmla="*/ 8677 h 10000"/>
              <a:gd name="connsiteX33" fmla="*/ 1392 w 10000"/>
              <a:gd name="connsiteY33" fmla="*/ 8204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356 w 10000"/>
              <a:gd name="connsiteY36" fmla="*/ 68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428 w 10000"/>
              <a:gd name="connsiteY31" fmla="*/ 8992 h 10000"/>
              <a:gd name="connsiteX32" fmla="*/ 1466 w 10000"/>
              <a:gd name="connsiteY32" fmla="*/ 8677 h 10000"/>
              <a:gd name="connsiteX33" fmla="*/ 1392 w 10000"/>
              <a:gd name="connsiteY33" fmla="*/ 8204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356 w 10000"/>
              <a:gd name="connsiteY36" fmla="*/ 68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466 w 10000"/>
              <a:gd name="connsiteY32" fmla="*/ 8677 h 10000"/>
              <a:gd name="connsiteX33" fmla="*/ 1392 w 10000"/>
              <a:gd name="connsiteY33" fmla="*/ 8204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356 w 10000"/>
              <a:gd name="connsiteY36" fmla="*/ 68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145 w 10000"/>
              <a:gd name="connsiteY32" fmla="*/ 8453 h 10000"/>
              <a:gd name="connsiteX33" fmla="*/ 1392 w 10000"/>
              <a:gd name="connsiteY33" fmla="*/ 8204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356 w 10000"/>
              <a:gd name="connsiteY36" fmla="*/ 68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145 w 10000"/>
              <a:gd name="connsiteY32" fmla="*/ 8453 h 10000"/>
              <a:gd name="connsiteX33" fmla="*/ 1167 w 10000"/>
              <a:gd name="connsiteY33" fmla="*/ 8079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356 w 10000"/>
              <a:gd name="connsiteY36" fmla="*/ 68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145 w 10000"/>
              <a:gd name="connsiteY32" fmla="*/ 8453 h 10000"/>
              <a:gd name="connsiteX33" fmla="*/ 1167 w 10000"/>
              <a:gd name="connsiteY33" fmla="*/ 8079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051 w 10000"/>
              <a:gd name="connsiteY36" fmla="*/ 67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147 w 10000"/>
              <a:gd name="connsiteY48" fmla="*/ 473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145 w 10000"/>
              <a:gd name="connsiteY32" fmla="*/ 8453 h 10000"/>
              <a:gd name="connsiteX33" fmla="*/ 1167 w 10000"/>
              <a:gd name="connsiteY33" fmla="*/ 8079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051 w 10000"/>
              <a:gd name="connsiteY36" fmla="*/ 67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532 w 10000"/>
              <a:gd name="connsiteY48" fmla="*/ 549 h 10000"/>
              <a:gd name="connsiteX49" fmla="*/ 257 w 10000"/>
              <a:gd name="connsiteY49" fmla="*/ 0 h 10000"/>
              <a:gd name="connsiteX0" fmla="*/ 257 w 10000"/>
              <a:gd name="connsiteY0" fmla="*/ 0 h 10000"/>
              <a:gd name="connsiteX1" fmla="*/ 8448 w 10000"/>
              <a:gd name="connsiteY1" fmla="*/ 92 h 10000"/>
              <a:gd name="connsiteX2" fmla="*/ 8353 w 10000"/>
              <a:gd name="connsiteY2" fmla="*/ 578 h 10000"/>
              <a:gd name="connsiteX3" fmla="*/ 8682 w 10000"/>
              <a:gd name="connsiteY3" fmla="*/ 999 h 10000"/>
              <a:gd name="connsiteX4" fmla="*/ 8631 w 10000"/>
              <a:gd name="connsiteY4" fmla="*/ 1302 h 10000"/>
              <a:gd name="connsiteX5" fmla="*/ 8426 w 10000"/>
              <a:gd name="connsiteY5" fmla="*/ 1997 h 10000"/>
              <a:gd name="connsiteX6" fmla="*/ 8537 w 10000"/>
              <a:gd name="connsiteY6" fmla="*/ 2261 h 10000"/>
              <a:gd name="connsiteX7" fmla="*/ 8572 w 10000"/>
              <a:gd name="connsiteY7" fmla="*/ 2579 h 10000"/>
              <a:gd name="connsiteX8" fmla="*/ 8976 w 10000"/>
              <a:gd name="connsiteY8" fmla="*/ 3103 h 10000"/>
              <a:gd name="connsiteX9" fmla="*/ 9458 w 10000"/>
              <a:gd name="connsiteY9" fmla="*/ 3431 h 10000"/>
              <a:gd name="connsiteX10" fmla="*/ 9561 w 10000"/>
              <a:gd name="connsiteY10" fmla="*/ 4050 h 10000"/>
              <a:gd name="connsiteX11" fmla="*/ 9743 w 10000"/>
              <a:gd name="connsiteY11" fmla="*/ 4417 h 10000"/>
              <a:gd name="connsiteX12" fmla="*/ 9890 w 10000"/>
              <a:gd name="connsiteY12" fmla="*/ 4681 h 10000"/>
              <a:gd name="connsiteX13" fmla="*/ 10000 w 10000"/>
              <a:gd name="connsiteY13" fmla="*/ 5469 h 10000"/>
              <a:gd name="connsiteX14" fmla="*/ 9781 w 10000"/>
              <a:gd name="connsiteY14" fmla="*/ 5941 h 10000"/>
              <a:gd name="connsiteX15" fmla="*/ 9670 w 10000"/>
              <a:gd name="connsiteY15" fmla="*/ 6205 h 10000"/>
              <a:gd name="connsiteX16" fmla="*/ 9670 w 10000"/>
              <a:gd name="connsiteY16" fmla="*/ 6678 h 10000"/>
              <a:gd name="connsiteX17" fmla="*/ 9233 w 10000"/>
              <a:gd name="connsiteY17" fmla="*/ 6624 h 10000"/>
              <a:gd name="connsiteX18" fmla="*/ 8902 w 10000"/>
              <a:gd name="connsiteY18" fmla="*/ 6888 h 10000"/>
              <a:gd name="connsiteX19" fmla="*/ 8756 w 10000"/>
              <a:gd name="connsiteY19" fmla="*/ 7098 h 10000"/>
              <a:gd name="connsiteX20" fmla="*/ 8572 w 10000"/>
              <a:gd name="connsiteY20" fmla="*/ 7519 h 10000"/>
              <a:gd name="connsiteX21" fmla="*/ 8609 w 10000"/>
              <a:gd name="connsiteY21" fmla="*/ 7889 h 10000"/>
              <a:gd name="connsiteX22" fmla="*/ 8793 w 10000"/>
              <a:gd name="connsiteY22" fmla="*/ 8518 h 10000"/>
              <a:gd name="connsiteX23" fmla="*/ 8537 w 10000"/>
              <a:gd name="connsiteY23" fmla="*/ 8888 h 10000"/>
              <a:gd name="connsiteX24" fmla="*/ 8170 w 10000"/>
              <a:gd name="connsiteY24" fmla="*/ 9726 h 10000"/>
              <a:gd name="connsiteX25" fmla="*/ 8097 w 10000"/>
              <a:gd name="connsiteY25" fmla="*/ 9990 h 10000"/>
              <a:gd name="connsiteX26" fmla="*/ 7766 w 10000"/>
              <a:gd name="connsiteY26" fmla="*/ 9936 h 10000"/>
              <a:gd name="connsiteX27" fmla="*/ 7400 w 10000"/>
              <a:gd name="connsiteY27" fmla="*/ 9726 h 10000"/>
              <a:gd name="connsiteX28" fmla="*/ 1502 w 10000"/>
              <a:gd name="connsiteY28" fmla="*/ 9936 h 10000"/>
              <a:gd name="connsiteX29" fmla="*/ 1428 w 10000"/>
              <a:gd name="connsiteY29" fmla="*/ 9465 h 10000"/>
              <a:gd name="connsiteX30" fmla="*/ 1223 w 10000"/>
              <a:gd name="connsiteY30" fmla="*/ 9322 h 10000"/>
              <a:gd name="connsiteX31" fmla="*/ 1120 w 10000"/>
              <a:gd name="connsiteY31" fmla="*/ 8931 h 10000"/>
              <a:gd name="connsiteX32" fmla="*/ 1145 w 10000"/>
              <a:gd name="connsiteY32" fmla="*/ 8453 h 10000"/>
              <a:gd name="connsiteX33" fmla="*/ 1167 w 10000"/>
              <a:gd name="connsiteY33" fmla="*/ 8079 h 10000"/>
              <a:gd name="connsiteX34" fmla="*/ 1246 w 10000"/>
              <a:gd name="connsiteY34" fmla="*/ 7622 h 10000"/>
              <a:gd name="connsiteX35" fmla="*/ 1173 w 10000"/>
              <a:gd name="connsiteY35" fmla="*/ 7204 h 10000"/>
              <a:gd name="connsiteX36" fmla="*/ 1051 w 10000"/>
              <a:gd name="connsiteY36" fmla="*/ 6788 h 10000"/>
              <a:gd name="connsiteX37" fmla="*/ 1062 w 10000"/>
              <a:gd name="connsiteY37" fmla="*/ 6415 h 10000"/>
              <a:gd name="connsiteX38" fmla="*/ 1062 w 10000"/>
              <a:gd name="connsiteY38" fmla="*/ 6311 h 10000"/>
              <a:gd name="connsiteX39" fmla="*/ 1100 w 10000"/>
              <a:gd name="connsiteY39" fmla="*/ 5785 h 10000"/>
              <a:gd name="connsiteX40" fmla="*/ 953 w 10000"/>
              <a:gd name="connsiteY40" fmla="*/ 5362 h 10000"/>
              <a:gd name="connsiteX41" fmla="*/ 696 w 10000"/>
              <a:gd name="connsiteY41" fmla="*/ 4522 h 10000"/>
              <a:gd name="connsiteX42" fmla="*/ 623 w 10000"/>
              <a:gd name="connsiteY42" fmla="*/ 3891 h 10000"/>
              <a:gd name="connsiteX43" fmla="*/ 623 w 10000"/>
              <a:gd name="connsiteY43" fmla="*/ 3470 h 10000"/>
              <a:gd name="connsiteX44" fmla="*/ 0 w 10000"/>
              <a:gd name="connsiteY44" fmla="*/ 2631 h 10000"/>
              <a:gd name="connsiteX45" fmla="*/ 477 w 10000"/>
              <a:gd name="connsiteY45" fmla="*/ 2051 h 10000"/>
              <a:gd name="connsiteX46" fmla="*/ 477 w 10000"/>
              <a:gd name="connsiteY46" fmla="*/ 1789 h 10000"/>
              <a:gd name="connsiteX47" fmla="*/ 477 w 10000"/>
              <a:gd name="connsiteY47" fmla="*/ 999 h 10000"/>
              <a:gd name="connsiteX48" fmla="*/ 532 w 10000"/>
              <a:gd name="connsiteY48" fmla="*/ 549 h 10000"/>
              <a:gd name="connsiteX49" fmla="*/ 4732 w 10000"/>
              <a:gd name="connsiteY49" fmla="*/ 478 h 10000"/>
              <a:gd name="connsiteX0" fmla="*/ 8448 w 10000"/>
              <a:gd name="connsiteY0" fmla="*/ 0 h 9908"/>
              <a:gd name="connsiteX1" fmla="*/ 8353 w 10000"/>
              <a:gd name="connsiteY1" fmla="*/ 486 h 9908"/>
              <a:gd name="connsiteX2" fmla="*/ 8682 w 10000"/>
              <a:gd name="connsiteY2" fmla="*/ 907 h 9908"/>
              <a:gd name="connsiteX3" fmla="*/ 8631 w 10000"/>
              <a:gd name="connsiteY3" fmla="*/ 1210 h 9908"/>
              <a:gd name="connsiteX4" fmla="*/ 8426 w 10000"/>
              <a:gd name="connsiteY4" fmla="*/ 1905 h 9908"/>
              <a:gd name="connsiteX5" fmla="*/ 8537 w 10000"/>
              <a:gd name="connsiteY5" fmla="*/ 2169 h 9908"/>
              <a:gd name="connsiteX6" fmla="*/ 8572 w 10000"/>
              <a:gd name="connsiteY6" fmla="*/ 2487 h 9908"/>
              <a:gd name="connsiteX7" fmla="*/ 8976 w 10000"/>
              <a:gd name="connsiteY7" fmla="*/ 3011 h 9908"/>
              <a:gd name="connsiteX8" fmla="*/ 9458 w 10000"/>
              <a:gd name="connsiteY8" fmla="*/ 3339 h 9908"/>
              <a:gd name="connsiteX9" fmla="*/ 9561 w 10000"/>
              <a:gd name="connsiteY9" fmla="*/ 3958 h 9908"/>
              <a:gd name="connsiteX10" fmla="*/ 9743 w 10000"/>
              <a:gd name="connsiteY10" fmla="*/ 4325 h 9908"/>
              <a:gd name="connsiteX11" fmla="*/ 9890 w 10000"/>
              <a:gd name="connsiteY11" fmla="*/ 4589 h 9908"/>
              <a:gd name="connsiteX12" fmla="*/ 10000 w 10000"/>
              <a:gd name="connsiteY12" fmla="*/ 5377 h 9908"/>
              <a:gd name="connsiteX13" fmla="*/ 9781 w 10000"/>
              <a:gd name="connsiteY13" fmla="*/ 5849 h 9908"/>
              <a:gd name="connsiteX14" fmla="*/ 9670 w 10000"/>
              <a:gd name="connsiteY14" fmla="*/ 6113 h 9908"/>
              <a:gd name="connsiteX15" fmla="*/ 9670 w 10000"/>
              <a:gd name="connsiteY15" fmla="*/ 6586 h 9908"/>
              <a:gd name="connsiteX16" fmla="*/ 9233 w 10000"/>
              <a:gd name="connsiteY16" fmla="*/ 6532 h 9908"/>
              <a:gd name="connsiteX17" fmla="*/ 8902 w 10000"/>
              <a:gd name="connsiteY17" fmla="*/ 6796 h 9908"/>
              <a:gd name="connsiteX18" fmla="*/ 8756 w 10000"/>
              <a:gd name="connsiteY18" fmla="*/ 7006 h 9908"/>
              <a:gd name="connsiteX19" fmla="*/ 8572 w 10000"/>
              <a:gd name="connsiteY19" fmla="*/ 7427 h 9908"/>
              <a:gd name="connsiteX20" fmla="*/ 8609 w 10000"/>
              <a:gd name="connsiteY20" fmla="*/ 7797 h 9908"/>
              <a:gd name="connsiteX21" fmla="*/ 8793 w 10000"/>
              <a:gd name="connsiteY21" fmla="*/ 8426 h 9908"/>
              <a:gd name="connsiteX22" fmla="*/ 8537 w 10000"/>
              <a:gd name="connsiteY22" fmla="*/ 8796 h 9908"/>
              <a:gd name="connsiteX23" fmla="*/ 8170 w 10000"/>
              <a:gd name="connsiteY23" fmla="*/ 9634 h 9908"/>
              <a:gd name="connsiteX24" fmla="*/ 8097 w 10000"/>
              <a:gd name="connsiteY24" fmla="*/ 9898 h 9908"/>
              <a:gd name="connsiteX25" fmla="*/ 7766 w 10000"/>
              <a:gd name="connsiteY25" fmla="*/ 9844 h 9908"/>
              <a:gd name="connsiteX26" fmla="*/ 7400 w 10000"/>
              <a:gd name="connsiteY26" fmla="*/ 9634 h 9908"/>
              <a:gd name="connsiteX27" fmla="*/ 1502 w 10000"/>
              <a:gd name="connsiteY27" fmla="*/ 9844 h 9908"/>
              <a:gd name="connsiteX28" fmla="*/ 1428 w 10000"/>
              <a:gd name="connsiteY28" fmla="*/ 9373 h 9908"/>
              <a:gd name="connsiteX29" fmla="*/ 1223 w 10000"/>
              <a:gd name="connsiteY29" fmla="*/ 9230 h 9908"/>
              <a:gd name="connsiteX30" fmla="*/ 1120 w 10000"/>
              <a:gd name="connsiteY30" fmla="*/ 8839 h 9908"/>
              <a:gd name="connsiteX31" fmla="*/ 1145 w 10000"/>
              <a:gd name="connsiteY31" fmla="*/ 8361 h 9908"/>
              <a:gd name="connsiteX32" fmla="*/ 1167 w 10000"/>
              <a:gd name="connsiteY32" fmla="*/ 7987 h 9908"/>
              <a:gd name="connsiteX33" fmla="*/ 1246 w 10000"/>
              <a:gd name="connsiteY33" fmla="*/ 7530 h 9908"/>
              <a:gd name="connsiteX34" fmla="*/ 1173 w 10000"/>
              <a:gd name="connsiteY34" fmla="*/ 7112 h 9908"/>
              <a:gd name="connsiteX35" fmla="*/ 1051 w 10000"/>
              <a:gd name="connsiteY35" fmla="*/ 6696 h 9908"/>
              <a:gd name="connsiteX36" fmla="*/ 1062 w 10000"/>
              <a:gd name="connsiteY36" fmla="*/ 6323 h 9908"/>
              <a:gd name="connsiteX37" fmla="*/ 1062 w 10000"/>
              <a:gd name="connsiteY37" fmla="*/ 6219 h 9908"/>
              <a:gd name="connsiteX38" fmla="*/ 1100 w 10000"/>
              <a:gd name="connsiteY38" fmla="*/ 5693 h 9908"/>
              <a:gd name="connsiteX39" fmla="*/ 953 w 10000"/>
              <a:gd name="connsiteY39" fmla="*/ 5270 h 9908"/>
              <a:gd name="connsiteX40" fmla="*/ 696 w 10000"/>
              <a:gd name="connsiteY40" fmla="*/ 4430 h 9908"/>
              <a:gd name="connsiteX41" fmla="*/ 623 w 10000"/>
              <a:gd name="connsiteY41" fmla="*/ 3799 h 9908"/>
              <a:gd name="connsiteX42" fmla="*/ 623 w 10000"/>
              <a:gd name="connsiteY42" fmla="*/ 3378 h 9908"/>
              <a:gd name="connsiteX43" fmla="*/ 0 w 10000"/>
              <a:gd name="connsiteY43" fmla="*/ 2539 h 9908"/>
              <a:gd name="connsiteX44" fmla="*/ 477 w 10000"/>
              <a:gd name="connsiteY44" fmla="*/ 1959 h 9908"/>
              <a:gd name="connsiteX45" fmla="*/ 477 w 10000"/>
              <a:gd name="connsiteY45" fmla="*/ 1697 h 9908"/>
              <a:gd name="connsiteX46" fmla="*/ 477 w 10000"/>
              <a:gd name="connsiteY46" fmla="*/ 907 h 9908"/>
              <a:gd name="connsiteX47" fmla="*/ 532 w 10000"/>
              <a:gd name="connsiteY47" fmla="*/ 457 h 9908"/>
              <a:gd name="connsiteX48" fmla="*/ 4732 w 10000"/>
              <a:gd name="connsiteY48" fmla="*/ 386 h 9908"/>
              <a:gd name="connsiteX0" fmla="*/ 8448 w 10000"/>
              <a:gd name="connsiteY0" fmla="*/ 79 h 10079"/>
              <a:gd name="connsiteX1" fmla="*/ 8353 w 10000"/>
              <a:gd name="connsiteY1" fmla="*/ 570 h 10079"/>
              <a:gd name="connsiteX2" fmla="*/ 8682 w 10000"/>
              <a:gd name="connsiteY2" fmla="*/ 994 h 10079"/>
              <a:gd name="connsiteX3" fmla="*/ 8631 w 10000"/>
              <a:gd name="connsiteY3" fmla="*/ 1300 h 10079"/>
              <a:gd name="connsiteX4" fmla="*/ 8426 w 10000"/>
              <a:gd name="connsiteY4" fmla="*/ 2002 h 10079"/>
              <a:gd name="connsiteX5" fmla="*/ 8537 w 10000"/>
              <a:gd name="connsiteY5" fmla="*/ 2268 h 10079"/>
              <a:gd name="connsiteX6" fmla="*/ 8572 w 10000"/>
              <a:gd name="connsiteY6" fmla="*/ 2589 h 10079"/>
              <a:gd name="connsiteX7" fmla="*/ 8976 w 10000"/>
              <a:gd name="connsiteY7" fmla="*/ 3118 h 10079"/>
              <a:gd name="connsiteX8" fmla="*/ 9458 w 10000"/>
              <a:gd name="connsiteY8" fmla="*/ 3449 h 10079"/>
              <a:gd name="connsiteX9" fmla="*/ 9561 w 10000"/>
              <a:gd name="connsiteY9" fmla="*/ 4074 h 10079"/>
              <a:gd name="connsiteX10" fmla="*/ 9743 w 10000"/>
              <a:gd name="connsiteY10" fmla="*/ 4444 h 10079"/>
              <a:gd name="connsiteX11" fmla="*/ 9890 w 10000"/>
              <a:gd name="connsiteY11" fmla="*/ 4711 h 10079"/>
              <a:gd name="connsiteX12" fmla="*/ 10000 w 10000"/>
              <a:gd name="connsiteY12" fmla="*/ 5506 h 10079"/>
              <a:gd name="connsiteX13" fmla="*/ 9781 w 10000"/>
              <a:gd name="connsiteY13" fmla="*/ 5982 h 10079"/>
              <a:gd name="connsiteX14" fmla="*/ 9670 w 10000"/>
              <a:gd name="connsiteY14" fmla="*/ 6249 h 10079"/>
              <a:gd name="connsiteX15" fmla="*/ 9670 w 10000"/>
              <a:gd name="connsiteY15" fmla="*/ 6726 h 10079"/>
              <a:gd name="connsiteX16" fmla="*/ 9233 w 10000"/>
              <a:gd name="connsiteY16" fmla="*/ 6672 h 10079"/>
              <a:gd name="connsiteX17" fmla="*/ 8902 w 10000"/>
              <a:gd name="connsiteY17" fmla="*/ 6938 h 10079"/>
              <a:gd name="connsiteX18" fmla="*/ 8756 w 10000"/>
              <a:gd name="connsiteY18" fmla="*/ 7150 h 10079"/>
              <a:gd name="connsiteX19" fmla="*/ 8572 w 10000"/>
              <a:gd name="connsiteY19" fmla="*/ 7575 h 10079"/>
              <a:gd name="connsiteX20" fmla="*/ 8609 w 10000"/>
              <a:gd name="connsiteY20" fmla="*/ 7948 h 10079"/>
              <a:gd name="connsiteX21" fmla="*/ 8793 w 10000"/>
              <a:gd name="connsiteY21" fmla="*/ 8583 h 10079"/>
              <a:gd name="connsiteX22" fmla="*/ 8537 w 10000"/>
              <a:gd name="connsiteY22" fmla="*/ 8957 h 10079"/>
              <a:gd name="connsiteX23" fmla="*/ 8170 w 10000"/>
              <a:gd name="connsiteY23" fmla="*/ 9802 h 10079"/>
              <a:gd name="connsiteX24" fmla="*/ 8097 w 10000"/>
              <a:gd name="connsiteY24" fmla="*/ 10069 h 10079"/>
              <a:gd name="connsiteX25" fmla="*/ 7766 w 10000"/>
              <a:gd name="connsiteY25" fmla="*/ 10014 h 10079"/>
              <a:gd name="connsiteX26" fmla="*/ 7400 w 10000"/>
              <a:gd name="connsiteY26" fmla="*/ 9802 h 10079"/>
              <a:gd name="connsiteX27" fmla="*/ 1502 w 10000"/>
              <a:gd name="connsiteY27" fmla="*/ 10014 h 10079"/>
              <a:gd name="connsiteX28" fmla="*/ 1428 w 10000"/>
              <a:gd name="connsiteY28" fmla="*/ 9539 h 10079"/>
              <a:gd name="connsiteX29" fmla="*/ 1223 w 10000"/>
              <a:gd name="connsiteY29" fmla="*/ 9395 h 10079"/>
              <a:gd name="connsiteX30" fmla="*/ 1120 w 10000"/>
              <a:gd name="connsiteY30" fmla="*/ 9000 h 10079"/>
              <a:gd name="connsiteX31" fmla="*/ 1145 w 10000"/>
              <a:gd name="connsiteY31" fmla="*/ 8518 h 10079"/>
              <a:gd name="connsiteX32" fmla="*/ 1167 w 10000"/>
              <a:gd name="connsiteY32" fmla="*/ 8140 h 10079"/>
              <a:gd name="connsiteX33" fmla="*/ 1246 w 10000"/>
              <a:gd name="connsiteY33" fmla="*/ 7679 h 10079"/>
              <a:gd name="connsiteX34" fmla="*/ 1173 w 10000"/>
              <a:gd name="connsiteY34" fmla="*/ 7257 h 10079"/>
              <a:gd name="connsiteX35" fmla="*/ 1051 w 10000"/>
              <a:gd name="connsiteY35" fmla="*/ 6837 h 10079"/>
              <a:gd name="connsiteX36" fmla="*/ 1062 w 10000"/>
              <a:gd name="connsiteY36" fmla="*/ 6461 h 10079"/>
              <a:gd name="connsiteX37" fmla="*/ 1062 w 10000"/>
              <a:gd name="connsiteY37" fmla="*/ 6356 h 10079"/>
              <a:gd name="connsiteX38" fmla="*/ 1100 w 10000"/>
              <a:gd name="connsiteY38" fmla="*/ 5825 h 10079"/>
              <a:gd name="connsiteX39" fmla="*/ 953 w 10000"/>
              <a:gd name="connsiteY39" fmla="*/ 5398 h 10079"/>
              <a:gd name="connsiteX40" fmla="*/ 696 w 10000"/>
              <a:gd name="connsiteY40" fmla="*/ 4550 h 10079"/>
              <a:gd name="connsiteX41" fmla="*/ 623 w 10000"/>
              <a:gd name="connsiteY41" fmla="*/ 3913 h 10079"/>
              <a:gd name="connsiteX42" fmla="*/ 623 w 10000"/>
              <a:gd name="connsiteY42" fmla="*/ 3488 h 10079"/>
              <a:gd name="connsiteX43" fmla="*/ 0 w 10000"/>
              <a:gd name="connsiteY43" fmla="*/ 2642 h 10079"/>
              <a:gd name="connsiteX44" fmla="*/ 477 w 10000"/>
              <a:gd name="connsiteY44" fmla="*/ 2056 h 10079"/>
              <a:gd name="connsiteX45" fmla="*/ 477 w 10000"/>
              <a:gd name="connsiteY45" fmla="*/ 1792 h 10079"/>
              <a:gd name="connsiteX46" fmla="*/ 477 w 10000"/>
              <a:gd name="connsiteY46" fmla="*/ 994 h 10079"/>
              <a:gd name="connsiteX47" fmla="*/ 575 w 10000"/>
              <a:gd name="connsiteY47" fmla="*/ 21 h 10079"/>
              <a:gd name="connsiteX48" fmla="*/ 4732 w 10000"/>
              <a:gd name="connsiteY48" fmla="*/ 469 h 10079"/>
              <a:gd name="connsiteX0" fmla="*/ 8448 w 10000"/>
              <a:gd name="connsiteY0" fmla="*/ 87 h 10087"/>
              <a:gd name="connsiteX1" fmla="*/ 8353 w 10000"/>
              <a:gd name="connsiteY1" fmla="*/ 578 h 10087"/>
              <a:gd name="connsiteX2" fmla="*/ 8682 w 10000"/>
              <a:gd name="connsiteY2" fmla="*/ 1002 h 10087"/>
              <a:gd name="connsiteX3" fmla="*/ 8631 w 10000"/>
              <a:gd name="connsiteY3" fmla="*/ 1308 h 10087"/>
              <a:gd name="connsiteX4" fmla="*/ 8426 w 10000"/>
              <a:gd name="connsiteY4" fmla="*/ 2010 h 10087"/>
              <a:gd name="connsiteX5" fmla="*/ 8537 w 10000"/>
              <a:gd name="connsiteY5" fmla="*/ 2276 h 10087"/>
              <a:gd name="connsiteX6" fmla="*/ 8572 w 10000"/>
              <a:gd name="connsiteY6" fmla="*/ 2597 h 10087"/>
              <a:gd name="connsiteX7" fmla="*/ 8976 w 10000"/>
              <a:gd name="connsiteY7" fmla="*/ 3126 h 10087"/>
              <a:gd name="connsiteX8" fmla="*/ 9458 w 10000"/>
              <a:gd name="connsiteY8" fmla="*/ 3457 h 10087"/>
              <a:gd name="connsiteX9" fmla="*/ 9561 w 10000"/>
              <a:gd name="connsiteY9" fmla="*/ 4082 h 10087"/>
              <a:gd name="connsiteX10" fmla="*/ 9743 w 10000"/>
              <a:gd name="connsiteY10" fmla="*/ 4452 h 10087"/>
              <a:gd name="connsiteX11" fmla="*/ 9890 w 10000"/>
              <a:gd name="connsiteY11" fmla="*/ 4719 h 10087"/>
              <a:gd name="connsiteX12" fmla="*/ 10000 w 10000"/>
              <a:gd name="connsiteY12" fmla="*/ 5514 h 10087"/>
              <a:gd name="connsiteX13" fmla="*/ 9781 w 10000"/>
              <a:gd name="connsiteY13" fmla="*/ 5990 h 10087"/>
              <a:gd name="connsiteX14" fmla="*/ 9670 w 10000"/>
              <a:gd name="connsiteY14" fmla="*/ 6257 h 10087"/>
              <a:gd name="connsiteX15" fmla="*/ 9670 w 10000"/>
              <a:gd name="connsiteY15" fmla="*/ 6734 h 10087"/>
              <a:gd name="connsiteX16" fmla="*/ 9233 w 10000"/>
              <a:gd name="connsiteY16" fmla="*/ 6680 h 10087"/>
              <a:gd name="connsiteX17" fmla="*/ 8902 w 10000"/>
              <a:gd name="connsiteY17" fmla="*/ 6946 h 10087"/>
              <a:gd name="connsiteX18" fmla="*/ 8756 w 10000"/>
              <a:gd name="connsiteY18" fmla="*/ 7158 h 10087"/>
              <a:gd name="connsiteX19" fmla="*/ 8572 w 10000"/>
              <a:gd name="connsiteY19" fmla="*/ 7583 h 10087"/>
              <a:gd name="connsiteX20" fmla="*/ 8609 w 10000"/>
              <a:gd name="connsiteY20" fmla="*/ 7956 h 10087"/>
              <a:gd name="connsiteX21" fmla="*/ 8793 w 10000"/>
              <a:gd name="connsiteY21" fmla="*/ 8591 h 10087"/>
              <a:gd name="connsiteX22" fmla="*/ 8537 w 10000"/>
              <a:gd name="connsiteY22" fmla="*/ 8965 h 10087"/>
              <a:gd name="connsiteX23" fmla="*/ 8170 w 10000"/>
              <a:gd name="connsiteY23" fmla="*/ 9810 h 10087"/>
              <a:gd name="connsiteX24" fmla="*/ 8097 w 10000"/>
              <a:gd name="connsiteY24" fmla="*/ 10077 h 10087"/>
              <a:gd name="connsiteX25" fmla="*/ 7766 w 10000"/>
              <a:gd name="connsiteY25" fmla="*/ 10022 h 10087"/>
              <a:gd name="connsiteX26" fmla="*/ 7400 w 10000"/>
              <a:gd name="connsiteY26" fmla="*/ 9810 h 10087"/>
              <a:gd name="connsiteX27" fmla="*/ 1502 w 10000"/>
              <a:gd name="connsiteY27" fmla="*/ 10022 h 10087"/>
              <a:gd name="connsiteX28" fmla="*/ 1428 w 10000"/>
              <a:gd name="connsiteY28" fmla="*/ 9547 h 10087"/>
              <a:gd name="connsiteX29" fmla="*/ 1223 w 10000"/>
              <a:gd name="connsiteY29" fmla="*/ 9403 h 10087"/>
              <a:gd name="connsiteX30" fmla="*/ 1120 w 10000"/>
              <a:gd name="connsiteY30" fmla="*/ 9008 h 10087"/>
              <a:gd name="connsiteX31" fmla="*/ 1145 w 10000"/>
              <a:gd name="connsiteY31" fmla="*/ 8526 h 10087"/>
              <a:gd name="connsiteX32" fmla="*/ 1167 w 10000"/>
              <a:gd name="connsiteY32" fmla="*/ 8148 h 10087"/>
              <a:gd name="connsiteX33" fmla="*/ 1246 w 10000"/>
              <a:gd name="connsiteY33" fmla="*/ 7687 h 10087"/>
              <a:gd name="connsiteX34" fmla="*/ 1173 w 10000"/>
              <a:gd name="connsiteY34" fmla="*/ 7265 h 10087"/>
              <a:gd name="connsiteX35" fmla="*/ 1051 w 10000"/>
              <a:gd name="connsiteY35" fmla="*/ 6845 h 10087"/>
              <a:gd name="connsiteX36" fmla="*/ 1062 w 10000"/>
              <a:gd name="connsiteY36" fmla="*/ 6469 h 10087"/>
              <a:gd name="connsiteX37" fmla="*/ 1062 w 10000"/>
              <a:gd name="connsiteY37" fmla="*/ 6364 h 10087"/>
              <a:gd name="connsiteX38" fmla="*/ 1100 w 10000"/>
              <a:gd name="connsiteY38" fmla="*/ 5833 h 10087"/>
              <a:gd name="connsiteX39" fmla="*/ 953 w 10000"/>
              <a:gd name="connsiteY39" fmla="*/ 5406 h 10087"/>
              <a:gd name="connsiteX40" fmla="*/ 696 w 10000"/>
              <a:gd name="connsiteY40" fmla="*/ 4558 h 10087"/>
              <a:gd name="connsiteX41" fmla="*/ 623 w 10000"/>
              <a:gd name="connsiteY41" fmla="*/ 3921 h 10087"/>
              <a:gd name="connsiteX42" fmla="*/ 623 w 10000"/>
              <a:gd name="connsiteY42" fmla="*/ 3496 h 10087"/>
              <a:gd name="connsiteX43" fmla="*/ 0 w 10000"/>
              <a:gd name="connsiteY43" fmla="*/ 2650 h 10087"/>
              <a:gd name="connsiteX44" fmla="*/ 477 w 10000"/>
              <a:gd name="connsiteY44" fmla="*/ 2064 h 10087"/>
              <a:gd name="connsiteX45" fmla="*/ 477 w 10000"/>
              <a:gd name="connsiteY45" fmla="*/ 1800 h 10087"/>
              <a:gd name="connsiteX46" fmla="*/ 477 w 10000"/>
              <a:gd name="connsiteY46" fmla="*/ 1002 h 10087"/>
              <a:gd name="connsiteX47" fmla="*/ 575 w 10000"/>
              <a:gd name="connsiteY47" fmla="*/ 29 h 10087"/>
              <a:gd name="connsiteX48" fmla="*/ 4777 w 10000"/>
              <a:gd name="connsiteY48" fmla="*/ 249 h 10087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756 w 10000"/>
              <a:gd name="connsiteY18" fmla="*/ 7071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1100 w 10000"/>
              <a:gd name="connsiteY38" fmla="*/ 5746 h 10000"/>
              <a:gd name="connsiteX39" fmla="*/ 953 w 10000"/>
              <a:gd name="connsiteY39" fmla="*/ 5319 h 10000"/>
              <a:gd name="connsiteX40" fmla="*/ 696 w 10000"/>
              <a:gd name="connsiteY40" fmla="*/ 4471 h 10000"/>
              <a:gd name="connsiteX41" fmla="*/ 623 w 10000"/>
              <a:gd name="connsiteY41" fmla="*/ 3834 h 10000"/>
              <a:gd name="connsiteX42" fmla="*/ 623 w 10000"/>
              <a:gd name="connsiteY42" fmla="*/ 3409 h 10000"/>
              <a:gd name="connsiteX43" fmla="*/ 0 w 10000"/>
              <a:gd name="connsiteY43" fmla="*/ 2563 h 10000"/>
              <a:gd name="connsiteX44" fmla="*/ 477 w 10000"/>
              <a:gd name="connsiteY44" fmla="*/ 1977 h 10000"/>
              <a:gd name="connsiteX45" fmla="*/ 477 w 10000"/>
              <a:gd name="connsiteY45" fmla="*/ 1713 h 10000"/>
              <a:gd name="connsiteX46" fmla="*/ 477 w 10000"/>
              <a:gd name="connsiteY46" fmla="*/ 915 h 10000"/>
              <a:gd name="connsiteX47" fmla="*/ 715 w 10000"/>
              <a:gd name="connsiteY47" fmla="*/ 127 h 10000"/>
              <a:gd name="connsiteX48" fmla="*/ 4777 w 10000"/>
              <a:gd name="connsiteY48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756 w 10000"/>
              <a:gd name="connsiteY18" fmla="*/ 7071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1100 w 10000"/>
              <a:gd name="connsiteY38" fmla="*/ 5746 h 10000"/>
              <a:gd name="connsiteX39" fmla="*/ 953 w 10000"/>
              <a:gd name="connsiteY39" fmla="*/ 5319 h 10000"/>
              <a:gd name="connsiteX40" fmla="*/ 696 w 10000"/>
              <a:gd name="connsiteY40" fmla="*/ 4471 h 10000"/>
              <a:gd name="connsiteX41" fmla="*/ 623 w 10000"/>
              <a:gd name="connsiteY41" fmla="*/ 3834 h 10000"/>
              <a:gd name="connsiteX42" fmla="*/ 521 w 10000"/>
              <a:gd name="connsiteY42" fmla="*/ 3389 h 10000"/>
              <a:gd name="connsiteX43" fmla="*/ 0 w 10000"/>
              <a:gd name="connsiteY43" fmla="*/ 2563 h 10000"/>
              <a:gd name="connsiteX44" fmla="*/ 477 w 10000"/>
              <a:gd name="connsiteY44" fmla="*/ 1977 h 10000"/>
              <a:gd name="connsiteX45" fmla="*/ 477 w 10000"/>
              <a:gd name="connsiteY45" fmla="*/ 1713 h 10000"/>
              <a:gd name="connsiteX46" fmla="*/ 477 w 10000"/>
              <a:gd name="connsiteY46" fmla="*/ 915 h 10000"/>
              <a:gd name="connsiteX47" fmla="*/ 715 w 10000"/>
              <a:gd name="connsiteY47" fmla="*/ 127 h 10000"/>
              <a:gd name="connsiteX48" fmla="*/ 4777 w 10000"/>
              <a:gd name="connsiteY48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756 w 10000"/>
              <a:gd name="connsiteY18" fmla="*/ 7071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1100 w 10000"/>
              <a:gd name="connsiteY38" fmla="*/ 5746 h 10000"/>
              <a:gd name="connsiteX39" fmla="*/ 953 w 10000"/>
              <a:gd name="connsiteY39" fmla="*/ 5319 h 10000"/>
              <a:gd name="connsiteX40" fmla="*/ 696 w 10000"/>
              <a:gd name="connsiteY40" fmla="*/ 4471 h 10000"/>
              <a:gd name="connsiteX41" fmla="*/ 543 w 10000"/>
              <a:gd name="connsiteY41" fmla="*/ 3858 h 10000"/>
              <a:gd name="connsiteX42" fmla="*/ 521 w 10000"/>
              <a:gd name="connsiteY42" fmla="*/ 3389 h 10000"/>
              <a:gd name="connsiteX43" fmla="*/ 0 w 10000"/>
              <a:gd name="connsiteY43" fmla="*/ 2563 h 10000"/>
              <a:gd name="connsiteX44" fmla="*/ 477 w 10000"/>
              <a:gd name="connsiteY44" fmla="*/ 1977 h 10000"/>
              <a:gd name="connsiteX45" fmla="*/ 477 w 10000"/>
              <a:gd name="connsiteY45" fmla="*/ 1713 h 10000"/>
              <a:gd name="connsiteX46" fmla="*/ 477 w 10000"/>
              <a:gd name="connsiteY46" fmla="*/ 915 h 10000"/>
              <a:gd name="connsiteX47" fmla="*/ 715 w 10000"/>
              <a:gd name="connsiteY47" fmla="*/ 127 h 10000"/>
              <a:gd name="connsiteX48" fmla="*/ 4777 w 10000"/>
              <a:gd name="connsiteY48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756 w 10000"/>
              <a:gd name="connsiteY18" fmla="*/ 7071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953 w 10000"/>
              <a:gd name="connsiteY38" fmla="*/ 5319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756 w 10000"/>
              <a:gd name="connsiteY18" fmla="*/ 7071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838 w 10000"/>
              <a:gd name="connsiteY38" fmla="*/ 5455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793 w 10000"/>
              <a:gd name="connsiteY21" fmla="*/ 8504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838 w 10000"/>
              <a:gd name="connsiteY38" fmla="*/ 5455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621 w 10000"/>
              <a:gd name="connsiteY21" fmla="*/ 8392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838 w 10000"/>
              <a:gd name="connsiteY38" fmla="*/ 5455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621 w 10000"/>
              <a:gd name="connsiteY21" fmla="*/ 8392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838 w 10000"/>
              <a:gd name="connsiteY38" fmla="*/ 5455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48" fmla="*/ 8448 w 10000"/>
              <a:gd name="connsiteY48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572 w 10000"/>
              <a:gd name="connsiteY19" fmla="*/ 7496 h 10000"/>
              <a:gd name="connsiteX20" fmla="*/ 8754 w 10000"/>
              <a:gd name="connsiteY20" fmla="*/ 7424 h 10000"/>
              <a:gd name="connsiteX21" fmla="*/ 8609 w 10000"/>
              <a:gd name="connsiteY21" fmla="*/ 7869 h 10000"/>
              <a:gd name="connsiteX22" fmla="*/ 8621 w 10000"/>
              <a:gd name="connsiteY22" fmla="*/ 8392 h 10000"/>
              <a:gd name="connsiteX23" fmla="*/ 8537 w 10000"/>
              <a:gd name="connsiteY23" fmla="*/ 8878 h 10000"/>
              <a:gd name="connsiteX24" fmla="*/ 8170 w 10000"/>
              <a:gd name="connsiteY24" fmla="*/ 9723 h 10000"/>
              <a:gd name="connsiteX25" fmla="*/ 8097 w 10000"/>
              <a:gd name="connsiteY25" fmla="*/ 9990 h 10000"/>
              <a:gd name="connsiteX26" fmla="*/ 7766 w 10000"/>
              <a:gd name="connsiteY26" fmla="*/ 9935 h 10000"/>
              <a:gd name="connsiteX27" fmla="*/ 7400 w 10000"/>
              <a:gd name="connsiteY27" fmla="*/ 9723 h 10000"/>
              <a:gd name="connsiteX28" fmla="*/ 1502 w 10000"/>
              <a:gd name="connsiteY28" fmla="*/ 9935 h 10000"/>
              <a:gd name="connsiteX29" fmla="*/ 1428 w 10000"/>
              <a:gd name="connsiteY29" fmla="*/ 9460 h 10000"/>
              <a:gd name="connsiteX30" fmla="*/ 1223 w 10000"/>
              <a:gd name="connsiteY30" fmla="*/ 9316 h 10000"/>
              <a:gd name="connsiteX31" fmla="*/ 1120 w 10000"/>
              <a:gd name="connsiteY31" fmla="*/ 8921 h 10000"/>
              <a:gd name="connsiteX32" fmla="*/ 1145 w 10000"/>
              <a:gd name="connsiteY32" fmla="*/ 8439 h 10000"/>
              <a:gd name="connsiteX33" fmla="*/ 1167 w 10000"/>
              <a:gd name="connsiteY33" fmla="*/ 8061 h 10000"/>
              <a:gd name="connsiteX34" fmla="*/ 1246 w 10000"/>
              <a:gd name="connsiteY34" fmla="*/ 7600 h 10000"/>
              <a:gd name="connsiteX35" fmla="*/ 1173 w 10000"/>
              <a:gd name="connsiteY35" fmla="*/ 7178 h 10000"/>
              <a:gd name="connsiteX36" fmla="*/ 1051 w 10000"/>
              <a:gd name="connsiteY36" fmla="*/ 6758 h 10000"/>
              <a:gd name="connsiteX37" fmla="*/ 1062 w 10000"/>
              <a:gd name="connsiteY37" fmla="*/ 6382 h 10000"/>
              <a:gd name="connsiteX38" fmla="*/ 1062 w 10000"/>
              <a:gd name="connsiteY38" fmla="*/ 6277 h 10000"/>
              <a:gd name="connsiteX39" fmla="*/ 838 w 10000"/>
              <a:gd name="connsiteY39" fmla="*/ 5455 h 10000"/>
              <a:gd name="connsiteX40" fmla="*/ 696 w 10000"/>
              <a:gd name="connsiteY40" fmla="*/ 4471 h 10000"/>
              <a:gd name="connsiteX41" fmla="*/ 543 w 10000"/>
              <a:gd name="connsiteY41" fmla="*/ 3858 h 10000"/>
              <a:gd name="connsiteX42" fmla="*/ 521 w 10000"/>
              <a:gd name="connsiteY42" fmla="*/ 3389 h 10000"/>
              <a:gd name="connsiteX43" fmla="*/ 0 w 10000"/>
              <a:gd name="connsiteY43" fmla="*/ 2563 h 10000"/>
              <a:gd name="connsiteX44" fmla="*/ 477 w 10000"/>
              <a:gd name="connsiteY44" fmla="*/ 1977 h 10000"/>
              <a:gd name="connsiteX45" fmla="*/ 477 w 10000"/>
              <a:gd name="connsiteY45" fmla="*/ 1713 h 10000"/>
              <a:gd name="connsiteX46" fmla="*/ 477 w 10000"/>
              <a:gd name="connsiteY46" fmla="*/ 915 h 10000"/>
              <a:gd name="connsiteX47" fmla="*/ 715 w 10000"/>
              <a:gd name="connsiteY47" fmla="*/ 127 h 10000"/>
              <a:gd name="connsiteX48" fmla="*/ 4777 w 10000"/>
              <a:gd name="connsiteY48" fmla="*/ 162 h 10000"/>
              <a:gd name="connsiteX49" fmla="*/ 8448 w 10000"/>
              <a:gd name="connsiteY49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572 w 10000"/>
              <a:gd name="connsiteY19" fmla="*/ 7496 h 10000"/>
              <a:gd name="connsiteX20" fmla="*/ 8609 w 10000"/>
              <a:gd name="connsiteY20" fmla="*/ 7869 h 10000"/>
              <a:gd name="connsiteX21" fmla="*/ 8621 w 10000"/>
              <a:gd name="connsiteY21" fmla="*/ 8392 h 10000"/>
              <a:gd name="connsiteX22" fmla="*/ 8537 w 10000"/>
              <a:gd name="connsiteY22" fmla="*/ 8878 h 10000"/>
              <a:gd name="connsiteX23" fmla="*/ 8170 w 10000"/>
              <a:gd name="connsiteY23" fmla="*/ 9723 h 10000"/>
              <a:gd name="connsiteX24" fmla="*/ 8097 w 10000"/>
              <a:gd name="connsiteY24" fmla="*/ 9990 h 10000"/>
              <a:gd name="connsiteX25" fmla="*/ 7766 w 10000"/>
              <a:gd name="connsiteY25" fmla="*/ 9935 h 10000"/>
              <a:gd name="connsiteX26" fmla="*/ 7400 w 10000"/>
              <a:gd name="connsiteY26" fmla="*/ 9723 h 10000"/>
              <a:gd name="connsiteX27" fmla="*/ 1502 w 10000"/>
              <a:gd name="connsiteY27" fmla="*/ 9935 h 10000"/>
              <a:gd name="connsiteX28" fmla="*/ 1428 w 10000"/>
              <a:gd name="connsiteY28" fmla="*/ 9460 h 10000"/>
              <a:gd name="connsiteX29" fmla="*/ 1223 w 10000"/>
              <a:gd name="connsiteY29" fmla="*/ 9316 h 10000"/>
              <a:gd name="connsiteX30" fmla="*/ 1120 w 10000"/>
              <a:gd name="connsiteY30" fmla="*/ 8921 h 10000"/>
              <a:gd name="connsiteX31" fmla="*/ 1145 w 10000"/>
              <a:gd name="connsiteY31" fmla="*/ 8439 h 10000"/>
              <a:gd name="connsiteX32" fmla="*/ 1167 w 10000"/>
              <a:gd name="connsiteY32" fmla="*/ 8061 h 10000"/>
              <a:gd name="connsiteX33" fmla="*/ 1246 w 10000"/>
              <a:gd name="connsiteY33" fmla="*/ 7600 h 10000"/>
              <a:gd name="connsiteX34" fmla="*/ 1173 w 10000"/>
              <a:gd name="connsiteY34" fmla="*/ 7178 h 10000"/>
              <a:gd name="connsiteX35" fmla="*/ 1051 w 10000"/>
              <a:gd name="connsiteY35" fmla="*/ 6758 h 10000"/>
              <a:gd name="connsiteX36" fmla="*/ 1062 w 10000"/>
              <a:gd name="connsiteY36" fmla="*/ 6382 h 10000"/>
              <a:gd name="connsiteX37" fmla="*/ 1062 w 10000"/>
              <a:gd name="connsiteY37" fmla="*/ 6277 h 10000"/>
              <a:gd name="connsiteX38" fmla="*/ 838 w 10000"/>
              <a:gd name="connsiteY38" fmla="*/ 5455 h 10000"/>
              <a:gd name="connsiteX39" fmla="*/ 696 w 10000"/>
              <a:gd name="connsiteY39" fmla="*/ 4471 h 10000"/>
              <a:gd name="connsiteX40" fmla="*/ 543 w 10000"/>
              <a:gd name="connsiteY40" fmla="*/ 3858 h 10000"/>
              <a:gd name="connsiteX41" fmla="*/ 521 w 10000"/>
              <a:gd name="connsiteY41" fmla="*/ 3389 h 10000"/>
              <a:gd name="connsiteX42" fmla="*/ 0 w 10000"/>
              <a:gd name="connsiteY42" fmla="*/ 2563 h 10000"/>
              <a:gd name="connsiteX43" fmla="*/ 477 w 10000"/>
              <a:gd name="connsiteY43" fmla="*/ 1977 h 10000"/>
              <a:gd name="connsiteX44" fmla="*/ 477 w 10000"/>
              <a:gd name="connsiteY44" fmla="*/ 1713 h 10000"/>
              <a:gd name="connsiteX45" fmla="*/ 477 w 10000"/>
              <a:gd name="connsiteY45" fmla="*/ 915 h 10000"/>
              <a:gd name="connsiteX46" fmla="*/ 715 w 10000"/>
              <a:gd name="connsiteY46" fmla="*/ 127 h 10000"/>
              <a:gd name="connsiteX47" fmla="*/ 4777 w 10000"/>
              <a:gd name="connsiteY47" fmla="*/ 162 h 10000"/>
              <a:gd name="connsiteX48" fmla="*/ 8448 w 10000"/>
              <a:gd name="connsiteY48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609 w 10000"/>
              <a:gd name="connsiteY19" fmla="*/ 7869 h 10000"/>
              <a:gd name="connsiteX20" fmla="*/ 8621 w 10000"/>
              <a:gd name="connsiteY20" fmla="*/ 8392 h 10000"/>
              <a:gd name="connsiteX21" fmla="*/ 8537 w 10000"/>
              <a:gd name="connsiteY21" fmla="*/ 8878 h 10000"/>
              <a:gd name="connsiteX22" fmla="*/ 8170 w 10000"/>
              <a:gd name="connsiteY22" fmla="*/ 9723 h 10000"/>
              <a:gd name="connsiteX23" fmla="*/ 8097 w 10000"/>
              <a:gd name="connsiteY23" fmla="*/ 9990 h 10000"/>
              <a:gd name="connsiteX24" fmla="*/ 7766 w 10000"/>
              <a:gd name="connsiteY24" fmla="*/ 9935 h 10000"/>
              <a:gd name="connsiteX25" fmla="*/ 7400 w 10000"/>
              <a:gd name="connsiteY25" fmla="*/ 9723 h 10000"/>
              <a:gd name="connsiteX26" fmla="*/ 1502 w 10000"/>
              <a:gd name="connsiteY26" fmla="*/ 9935 h 10000"/>
              <a:gd name="connsiteX27" fmla="*/ 1428 w 10000"/>
              <a:gd name="connsiteY27" fmla="*/ 9460 h 10000"/>
              <a:gd name="connsiteX28" fmla="*/ 1223 w 10000"/>
              <a:gd name="connsiteY28" fmla="*/ 9316 h 10000"/>
              <a:gd name="connsiteX29" fmla="*/ 1120 w 10000"/>
              <a:gd name="connsiteY29" fmla="*/ 8921 h 10000"/>
              <a:gd name="connsiteX30" fmla="*/ 1145 w 10000"/>
              <a:gd name="connsiteY30" fmla="*/ 8439 h 10000"/>
              <a:gd name="connsiteX31" fmla="*/ 1167 w 10000"/>
              <a:gd name="connsiteY31" fmla="*/ 8061 h 10000"/>
              <a:gd name="connsiteX32" fmla="*/ 1246 w 10000"/>
              <a:gd name="connsiteY32" fmla="*/ 7600 h 10000"/>
              <a:gd name="connsiteX33" fmla="*/ 1173 w 10000"/>
              <a:gd name="connsiteY33" fmla="*/ 7178 h 10000"/>
              <a:gd name="connsiteX34" fmla="*/ 1051 w 10000"/>
              <a:gd name="connsiteY34" fmla="*/ 6758 h 10000"/>
              <a:gd name="connsiteX35" fmla="*/ 1062 w 10000"/>
              <a:gd name="connsiteY35" fmla="*/ 6382 h 10000"/>
              <a:gd name="connsiteX36" fmla="*/ 1062 w 10000"/>
              <a:gd name="connsiteY36" fmla="*/ 6277 h 10000"/>
              <a:gd name="connsiteX37" fmla="*/ 838 w 10000"/>
              <a:gd name="connsiteY37" fmla="*/ 5455 h 10000"/>
              <a:gd name="connsiteX38" fmla="*/ 696 w 10000"/>
              <a:gd name="connsiteY38" fmla="*/ 4471 h 10000"/>
              <a:gd name="connsiteX39" fmla="*/ 543 w 10000"/>
              <a:gd name="connsiteY39" fmla="*/ 3858 h 10000"/>
              <a:gd name="connsiteX40" fmla="*/ 521 w 10000"/>
              <a:gd name="connsiteY40" fmla="*/ 3389 h 10000"/>
              <a:gd name="connsiteX41" fmla="*/ 0 w 10000"/>
              <a:gd name="connsiteY41" fmla="*/ 2563 h 10000"/>
              <a:gd name="connsiteX42" fmla="*/ 477 w 10000"/>
              <a:gd name="connsiteY42" fmla="*/ 1977 h 10000"/>
              <a:gd name="connsiteX43" fmla="*/ 477 w 10000"/>
              <a:gd name="connsiteY43" fmla="*/ 1713 h 10000"/>
              <a:gd name="connsiteX44" fmla="*/ 477 w 10000"/>
              <a:gd name="connsiteY44" fmla="*/ 915 h 10000"/>
              <a:gd name="connsiteX45" fmla="*/ 715 w 10000"/>
              <a:gd name="connsiteY45" fmla="*/ 127 h 10000"/>
              <a:gd name="connsiteX46" fmla="*/ 4777 w 10000"/>
              <a:gd name="connsiteY46" fmla="*/ 162 h 10000"/>
              <a:gd name="connsiteX47" fmla="*/ 8448 w 10000"/>
              <a:gd name="connsiteY47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813 w 10000"/>
              <a:gd name="connsiteY19" fmla="*/ 7909 h 10000"/>
              <a:gd name="connsiteX20" fmla="*/ 8621 w 10000"/>
              <a:gd name="connsiteY20" fmla="*/ 8392 h 10000"/>
              <a:gd name="connsiteX21" fmla="*/ 8537 w 10000"/>
              <a:gd name="connsiteY21" fmla="*/ 8878 h 10000"/>
              <a:gd name="connsiteX22" fmla="*/ 8170 w 10000"/>
              <a:gd name="connsiteY22" fmla="*/ 9723 h 10000"/>
              <a:gd name="connsiteX23" fmla="*/ 8097 w 10000"/>
              <a:gd name="connsiteY23" fmla="*/ 9990 h 10000"/>
              <a:gd name="connsiteX24" fmla="*/ 7766 w 10000"/>
              <a:gd name="connsiteY24" fmla="*/ 9935 h 10000"/>
              <a:gd name="connsiteX25" fmla="*/ 7400 w 10000"/>
              <a:gd name="connsiteY25" fmla="*/ 9723 h 10000"/>
              <a:gd name="connsiteX26" fmla="*/ 1502 w 10000"/>
              <a:gd name="connsiteY26" fmla="*/ 9935 h 10000"/>
              <a:gd name="connsiteX27" fmla="*/ 1428 w 10000"/>
              <a:gd name="connsiteY27" fmla="*/ 9460 h 10000"/>
              <a:gd name="connsiteX28" fmla="*/ 1223 w 10000"/>
              <a:gd name="connsiteY28" fmla="*/ 9316 h 10000"/>
              <a:gd name="connsiteX29" fmla="*/ 1120 w 10000"/>
              <a:gd name="connsiteY29" fmla="*/ 8921 h 10000"/>
              <a:gd name="connsiteX30" fmla="*/ 1145 w 10000"/>
              <a:gd name="connsiteY30" fmla="*/ 8439 h 10000"/>
              <a:gd name="connsiteX31" fmla="*/ 1167 w 10000"/>
              <a:gd name="connsiteY31" fmla="*/ 8061 h 10000"/>
              <a:gd name="connsiteX32" fmla="*/ 1246 w 10000"/>
              <a:gd name="connsiteY32" fmla="*/ 7600 h 10000"/>
              <a:gd name="connsiteX33" fmla="*/ 1173 w 10000"/>
              <a:gd name="connsiteY33" fmla="*/ 7178 h 10000"/>
              <a:gd name="connsiteX34" fmla="*/ 1051 w 10000"/>
              <a:gd name="connsiteY34" fmla="*/ 6758 h 10000"/>
              <a:gd name="connsiteX35" fmla="*/ 1062 w 10000"/>
              <a:gd name="connsiteY35" fmla="*/ 6382 h 10000"/>
              <a:gd name="connsiteX36" fmla="*/ 1062 w 10000"/>
              <a:gd name="connsiteY36" fmla="*/ 6277 h 10000"/>
              <a:gd name="connsiteX37" fmla="*/ 838 w 10000"/>
              <a:gd name="connsiteY37" fmla="*/ 5455 h 10000"/>
              <a:gd name="connsiteX38" fmla="*/ 696 w 10000"/>
              <a:gd name="connsiteY38" fmla="*/ 4471 h 10000"/>
              <a:gd name="connsiteX39" fmla="*/ 543 w 10000"/>
              <a:gd name="connsiteY39" fmla="*/ 3858 h 10000"/>
              <a:gd name="connsiteX40" fmla="*/ 521 w 10000"/>
              <a:gd name="connsiteY40" fmla="*/ 3389 h 10000"/>
              <a:gd name="connsiteX41" fmla="*/ 0 w 10000"/>
              <a:gd name="connsiteY41" fmla="*/ 2563 h 10000"/>
              <a:gd name="connsiteX42" fmla="*/ 477 w 10000"/>
              <a:gd name="connsiteY42" fmla="*/ 1977 h 10000"/>
              <a:gd name="connsiteX43" fmla="*/ 477 w 10000"/>
              <a:gd name="connsiteY43" fmla="*/ 1713 h 10000"/>
              <a:gd name="connsiteX44" fmla="*/ 477 w 10000"/>
              <a:gd name="connsiteY44" fmla="*/ 915 h 10000"/>
              <a:gd name="connsiteX45" fmla="*/ 715 w 10000"/>
              <a:gd name="connsiteY45" fmla="*/ 127 h 10000"/>
              <a:gd name="connsiteX46" fmla="*/ 4777 w 10000"/>
              <a:gd name="connsiteY46" fmla="*/ 162 h 10000"/>
              <a:gd name="connsiteX47" fmla="*/ 8448 w 10000"/>
              <a:gd name="connsiteY47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813 w 10000"/>
              <a:gd name="connsiteY19" fmla="*/ 7909 h 10000"/>
              <a:gd name="connsiteX20" fmla="*/ 8537 w 10000"/>
              <a:gd name="connsiteY20" fmla="*/ 8878 h 10000"/>
              <a:gd name="connsiteX21" fmla="*/ 8170 w 10000"/>
              <a:gd name="connsiteY21" fmla="*/ 9723 h 10000"/>
              <a:gd name="connsiteX22" fmla="*/ 8097 w 10000"/>
              <a:gd name="connsiteY22" fmla="*/ 9990 h 10000"/>
              <a:gd name="connsiteX23" fmla="*/ 7766 w 10000"/>
              <a:gd name="connsiteY23" fmla="*/ 9935 h 10000"/>
              <a:gd name="connsiteX24" fmla="*/ 7400 w 10000"/>
              <a:gd name="connsiteY24" fmla="*/ 9723 h 10000"/>
              <a:gd name="connsiteX25" fmla="*/ 1502 w 10000"/>
              <a:gd name="connsiteY25" fmla="*/ 9935 h 10000"/>
              <a:gd name="connsiteX26" fmla="*/ 1428 w 10000"/>
              <a:gd name="connsiteY26" fmla="*/ 9460 h 10000"/>
              <a:gd name="connsiteX27" fmla="*/ 1223 w 10000"/>
              <a:gd name="connsiteY27" fmla="*/ 9316 h 10000"/>
              <a:gd name="connsiteX28" fmla="*/ 1120 w 10000"/>
              <a:gd name="connsiteY28" fmla="*/ 8921 h 10000"/>
              <a:gd name="connsiteX29" fmla="*/ 1145 w 10000"/>
              <a:gd name="connsiteY29" fmla="*/ 8439 h 10000"/>
              <a:gd name="connsiteX30" fmla="*/ 1167 w 10000"/>
              <a:gd name="connsiteY30" fmla="*/ 8061 h 10000"/>
              <a:gd name="connsiteX31" fmla="*/ 1246 w 10000"/>
              <a:gd name="connsiteY31" fmla="*/ 7600 h 10000"/>
              <a:gd name="connsiteX32" fmla="*/ 1173 w 10000"/>
              <a:gd name="connsiteY32" fmla="*/ 7178 h 10000"/>
              <a:gd name="connsiteX33" fmla="*/ 1051 w 10000"/>
              <a:gd name="connsiteY33" fmla="*/ 6758 h 10000"/>
              <a:gd name="connsiteX34" fmla="*/ 1062 w 10000"/>
              <a:gd name="connsiteY34" fmla="*/ 6382 h 10000"/>
              <a:gd name="connsiteX35" fmla="*/ 1062 w 10000"/>
              <a:gd name="connsiteY35" fmla="*/ 6277 h 10000"/>
              <a:gd name="connsiteX36" fmla="*/ 838 w 10000"/>
              <a:gd name="connsiteY36" fmla="*/ 5455 h 10000"/>
              <a:gd name="connsiteX37" fmla="*/ 696 w 10000"/>
              <a:gd name="connsiteY37" fmla="*/ 4471 h 10000"/>
              <a:gd name="connsiteX38" fmla="*/ 543 w 10000"/>
              <a:gd name="connsiteY38" fmla="*/ 3858 h 10000"/>
              <a:gd name="connsiteX39" fmla="*/ 521 w 10000"/>
              <a:gd name="connsiteY39" fmla="*/ 3389 h 10000"/>
              <a:gd name="connsiteX40" fmla="*/ 0 w 10000"/>
              <a:gd name="connsiteY40" fmla="*/ 2563 h 10000"/>
              <a:gd name="connsiteX41" fmla="*/ 477 w 10000"/>
              <a:gd name="connsiteY41" fmla="*/ 1977 h 10000"/>
              <a:gd name="connsiteX42" fmla="*/ 477 w 10000"/>
              <a:gd name="connsiteY42" fmla="*/ 1713 h 10000"/>
              <a:gd name="connsiteX43" fmla="*/ 477 w 10000"/>
              <a:gd name="connsiteY43" fmla="*/ 915 h 10000"/>
              <a:gd name="connsiteX44" fmla="*/ 715 w 10000"/>
              <a:gd name="connsiteY44" fmla="*/ 127 h 10000"/>
              <a:gd name="connsiteX45" fmla="*/ 4777 w 10000"/>
              <a:gd name="connsiteY45" fmla="*/ 162 h 10000"/>
              <a:gd name="connsiteX46" fmla="*/ 8448 w 10000"/>
              <a:gd name="connsiteY46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813 w 10000"/>
              <a:gd name="connsiteY19" fmla="*/ 7909 h 10000"/>
              <a:gd name="connsiteX20" fmla="*/ 8218 w 10000"/>
              <a:gd name="connsiteY20" fmla="*/ 8974 h 10000"/>
              <a:gd name="connsiteX21" fmla="*/ 8170 w 10000"/>
              <a:gd name="connsiteY21" fmla="*/ 9723 h 10000"/>
              <a:gd name="connsiteX22" fmla="*/ 8097 w 10000"/>
              <a:gd name="connsiteY22" fmla="*/ 9990 h 10000"/>
              <a:gd name="connsiteX23" fmla="*/ 7766 w 10000"/>
              <a:gd name="connsiteY23" fmla="*/ 9935 h 10000"/>
              <a:gd name="connsiteX24" fmla="*/ 7400 w 10000"/>
              <a:gd name="connsiteY24" fmla="*/ 9723 h 10000"/>
              <a:gd name="connsiteX25" fmla="*/ 1502 w 10000"/>
              <a:gd name="connsiteY25" fmla="*/ 9935 h 10000"/>
              <a:gd name="connsiteX26" fmla="*/ 1428 w 10000"/>
              <a:gd name="connsiteY26" fmla="*/ 9460 h 10000"/>
              <a:gd name="connsiteX27" fmla="*/ 1223 w 10000"/>
              <a:gd name="connsiteY27" fmla="*/ 9316 h 10000"/>
              <a:gd name="connsiteX28" fmla="*/ 1120 w 10000"/>
              <a:gd name="connsiteY28" fmla="*/ 8921 h 10000"/>
              <a:gd name="connsiteX29" fmla="*/ 1145 w 10000"/>
              <a:gd name="connsiteY29" fmla="*/ 8439 h 10000"/>
              <a:gd name="connsiteX30" fmla="*/ 1167 w 10000"/>
              <a:gd name="connsiteY30" fmla="*/ 8061 h 10000"/>
              <a:gd name="connsiteX31" fmla="*/ 1246 w 10000"/>
              <a:gd name="connsiteY31" fmla="*/ 7600 h 10000"/>
              <a:gd name="connsiteX32" fmla="*/ 1173 w 10000"/>
              <a:gd name="connsiteY32" fmla="*/ 7178 h 10000"/>
              <a:gd name="connsiteX33" fmla="*/ 1051 w 10000"/>
              <a:gd name="connsiteY33" fmla="*/ 6758 h 10000"/>
              <a:gd name="connsiteX34" fmla="*/ 1062 w 10000"/>
              <a:gd name="connsiteY34" fmla="*/ 6382 h 10000"/>
              <a:gd name="connsiteX35" fmla="*/ 1062 w 10000"/>
              <a:gd name="connsiteY35" fmla="*/ 6277 h 10000"/>
              <a:gd name="connsiteX36" fmla="*/ 838 w 10000"/>
              <a:gd name="connsiteY36" fmla="*/ 5455 h 10000"/>
              <a:gd name="connsiteX37" fmla="*/ 696 w 10000"/>
              <a:gd name="connsiteY37" fmla="*/ 4471 h 10000"/>
              <a:gd name="connsiteX38" fmla="*/ 543 w 10000"/>
              <a:gd name="connsiteY38" fmla="*/ 3858 h 10000"/>
              <a:gd name="connsiteX39" fmla="*/ 521 w 10000"/>
              <a:gd name="connsiteY39" fmla="*/ 3389 h 10000"/>
              <a:gd name="connsiteX40" fmla="*/ 0 w 10000"/>
              <a:gd name="connsiteY40" fmla="*/ 2563 h 10000"/>
              <a:gd name="connsiteX41" fmla="*/ 477 w 10000"/>
              <a:gd name="connsiteY41" fmla="*/ 1977 h 10000"/>
              <a:gd name="connsiteX42" fmla="*/ 477 w 10000"/>
              <a:gd name="connsiteY42" fmla="*/ 1713 h 10000"/>
              <a:gd name="connsiteX43" fmla="*/ 477 w 10000"/>
              <a:gd name="connsiteY43" fmla="*/ 915 h 10000"/>
              <a:gd name="connsiteX44" fmla="*/ 715 w 10000"/>
              <a:gd name="connsiteY44" fmla="*/ 127 h 10000"/>
              <a:gd name="connsiteX45" fmla="*/ 4777 w 10000"/>
              <a:gd name="connsiteY45" fmla="*/ 162 h 10000"/>
              <a:gd name="connsiteX46" fmla="*/ 8448 w 10000"/>
              <a:gd name="connsiteY46" fmla="*/ 0 h 10000"/>
              <a:gd name="connsiteX0" fmla="*/ 8448 w 10000"/>
              <a:gd name="connsiteY0" fmla="*/ 0 h 10000"/>
              <a:gd name="connsiteX1" fmla="*/ 8353 w 10000"/>
              <a:gd name="connsiteY1" fmla="*/ 491 h 10000"/>
              <a:gd name="connsiteX2" fmla="*/ 8682 w 10000"/>
              <a:gd name="connsiteY2" fmla="*/ 915 h 10000"/>
              <a:gd name="connsiteX3" fmla="*/ 8631 w 10000"/>
              <a:gd name="connsiteY3" fmla="*/ 1221 h 10000"/>
              <a:gd name="connsiteX4" fmla="*/ 8426 w 10000"/>
              <a:gd name="connsiteY4" fmla="*/ 1923 h 10000"/>
              <a:gd name="connsiteX5" fmla="*/ 8537 w 10000"/>
              <a:gd name="connsiteY5" fmla="*/ 2189 h 10000"/>
              <a:gd name="connsiteX6" fmla="*/ 8572 w 10000"/>
              <a:gd name="connsiteY6" fmla="*/ 2510 h 10000"/>
              <a:gd name="connsiteX7" fmla="*/ 8976 w 10000"/>
              <a:gd name="connsiteY7" fmla="*/ 3039 h 10000"/>
              <a:gd name="connsiteX8" fmla="*/ 9458 w 10000"/>
              <a:gd name="connsiteY8" fmla="*/ 3370 h 10000"/>
              <a:gd name="connsiteX9" fmla="*/ 9561 w 10000"/>
              <a:gd name="connsiteY9" fmla="*/ 3995 h 10000"/>
              <a:gd name="connsiteX10" fmla="*/ 9743 w 10000"/>
              <a:gd name="connsiteY10" fmla="*/ 4365 h 10000"/>
              <a:gd name="connsiteX11" fmla="*/ 9890 w 10000"/>
              <a:gd name="connsiteY11" fmla="*/ 4632 h 10000"/>
              <a:gd name="connsiteX12" fmla="*/ 10000 w 10000"/>
              <a:gd name="connsiteY12" fmla="*/ 5427 h 10000"/>
              <a:gd name="connsiteX13" fmla="*/ 9781 w 10000"/>
              <a:gd name="connsiteY13" fmla="*/ 5903 h 10000"/>
              <a:gd name="connsiteX14" fmla="*/ 9670 w 10000"/>
              <a:gd name="connsiteY14" fmla="*/ 6170 h 10000"/>
              <a:gd name="connsiteX15" fmla="*/ 9670 w 10000"/>
              <a:gd name="connsiteY15" fmla="*/ 6647 h 10000"/>
              <a:gd name="connsiteX16" fmla="*/ 9233 w 10000"/>
              <a:gd name="connsiteY16" fmla="*/ 6593 h 10000"/>
              <a:gd name="connsiteX17" fmla="*/ 8902 w 10000"/>
              <a:gd name="connsiteY17" fmla="*/ 6859 h 10000"/>
              <a:gd name="connsiteX18" fmla="*/ 8667 w 10000"/>
              <a:gd name="connsiteY18" fmla="*/ 6896 h 10000"/>
              <a:gd name="connsiteX19" fmla="*/ 8813 w 10000"/>
              <a:gd name="connsiteY19" fmla="*/ 7909 h 10000"/>
              <a:gd name="connsiteX20" fmla="*/ 8218 w 10000"/>
              <a:gd name="connsiteY20" fmla="*/ 8974 h 10000"/>
              <a:gd name="connsiteX21" fmla="*/ 8097 w 10000"/>
              <a:gd name="connsiteY21" fmla="*/ 9990 h 10000"/>
              <a:gd name="connsiteX22" fmla="*/ 7766 w 10000"/>
              <a:gd name="connsiteY22" fmla="*/ 9935 h 10000"/>
              <a:gd name="connsiteX23" fmla="*/ 7400 w 10000"/>
              <a:gd name="connsiteY23" fmla="*/ 9723 h 10000"/>
              <a:gd name="connsiteX24" fmla="*/ 1502 w 10000"/>
              <a:gd name="connsiteY24" fmla="*/ 9935 h 10000"/>
              <a:gd name="connsiteX25" fmla="*/ 1428 w 10000"/>
              <a:gd name="connsiteY25" fmla="*/ 9460 h 10000"/>
              <a:gd name="connsiteX26" fmla="*/ 1223 w 10000"/>
              <a:gd name="connsiteY26" fmla="*/ 9316 h 10000"/>
              <a:gd name="connsiteX27" fmla="*/ 1120 w 10000"/>
              <a:gd name="connsiteY27" fmla="*/ 8921 h 10000"/>
              <a:gd name="connsiteX28" fmla="*/ 1145 w 10000"/>
              <a:gd name="connsiteY28" fmla="*/ 8439 h 10000"/>
              <a:gd name="connsiteX29" fmla="*/ 1167 w 10000"/>
              <a:gd name="connsiteY29" fmla="*/ 8061 h 10000"/>
              <a:gd name="connsiteX30" fmla="*/ 1246 w 10000"/>
              <a:gd name="connsiteY30" fmla="*/ 7600 h 10000"/>
              <a:gd name="connsiteX31" fmla="*/ 1173 w 10000"/>
              <a:gd name="connsiteY31" fmla="*/ 7178 h 10000"/>
              <a:gd name="connsiteX32" fmla="*/ 1051 w 10000"/>
              <a:gd name="connsiteY32" fmla="*/ 6758 h 10000"/>
              <a:gd name="connsiteX33" fmla="*/ 1062 w 10000"/>
              <a:gd name="connsiteY33" fmla="*/ 6382 h 10000"/>
              <a:gd name="connsiteX34" fmla="*/ 1062 w 10000"/>
              <a:gd name="connsiteY34" fmla="*/ 6277 h 10000"/>
              <a:gd name="connsiteX35" fmla="*/ 838 w 10000"/>
              <a:gd name="connsiteY35" fmla="*/ 5455 h 10000"/>
              <a:gd name="connsiteX36" fmla="*/ 696 w 10000"/>
              <a:gd name="connsiteY36" fmla="*/ 4471 h 10000"/>
              <a:gd name="connsiteX37" fmla="*/ 543 w 10000"/>
              <a:gd name="connsiteY37" fmla="*/ 3858 h 10000"/>
              <a:gd name="connsiteX38" fmla="*/ 521 w 10000"/>
              <a:gd name="connsiteY38" fmla="*/ 3389 h 10000"/>
              <a:gd name="connsiteX39" fmla="*/ 0 w 10000"/>
              <a:gd name="connsiteY39" fmla="*/ 2563 h 10000"/>
              <a:gd name="connsiteX40" fmla="*/ 477 w 10000"/>
              <a:gd name="connsiteY40" fmla="*/ 1977 h 10000"/>
              <a:gd name="connsiteX41" fmla="*/ 477 w 10000"/>
              <a:gd name="connsiteY41" fmla="*/ 1713 h 10000"/>
              <a:gd name="connsiteX42" fmla="*/ 477 w 10000"/>
              <a:gd name="connsiteY42" fmla="*/ 915 h 10000"/>
              <a:gd name="connsiteX43" fmla="*/ 715 w 10000"/>
              <a:gd name="connsiteY43" fmla="*/ 127 h 10000"/>
              <a:gd name="connsiteX44" fmla="*/ 4777 w 10000"/>
              <a:gd name="connsiteY44" fmla="*/ 162 h 10000"/>
              <a:gd name="connsiteX45" fmla="*/ 8448 w 10000"/>
              <a:gd name="connsiteY45" fmla="*/ 0 h 10000"/>
              <a:gd name="connsiteX0" fmla="*/ 8448 w 10000"/>
              <a:gd name="connsiteY0" fmla="*/ 0 h 10015"/>
              <a:gd name="connsiteX1" fmla="*/ 8353 w 10000"/>
              <a:gd name="connsiteY1" fmla="*/ 491 h 10015"/>
              <a:gd name="connsiteX2" fmla="*/ 8682 w 10000"/>
              <a:gd name="connsiteY2" fmla="*/ 915 h 10015"/>
              <a:gd name="connsiteX3" fmla="*/ 8631 w 10000"/>
              <a:gd name="connsiteY3" fmla="*/ 1221 h 10015"/>
              <a:gd name="connsiteX4" fmla="*/ 8426 w 10000"/>
              <a:gd name="connsiteY4" fmla="*/ 1923 h 10015"/>
              <a:gd name="connsiteX5" fmla="*/ 8537 w 10000"/>
              <a:gd name="connsiteY5" fmla="*/ 2189 h 10015"/>
              <a:gd name="connsiteX6" fmla="*/ 8572 w 10000"/>
              <a:gd name="connsiteY6" fmla="*/ 2510 h 10015"/>
              <a:gd name="connsiteX7" fmla="*/ 8976 w 10000"/>
              <a:gd name="connsiteY7" fmla="*/ 3039 h 10015"/>
              <a:gd name="connsiteX8" fmla="*/ 9458 w 10000"/>
              <a:gd name="connsiteY8" fmla="*/ 3370 h 10015"/>
              <a:gd name="connsiteX9" fmla="*/ 9561 w 10000"/>
              <a:gd name="connsiteY9" fmla="*/ 3995 h 10015"/>
              <a:gd name="connsiteX10" fmla="*/ 9743 w 10000"/>
              <a:gd name="connsiteY10" fmla="*/ 4365 h 10015"/>
              <a:gd name="connsiteX11" fmla="*/ 9890 w 10000"/>
              <a:gd name="connsiteY11" fmla="*/ 4632 h 10015"/>
              <a:gd name="connsiteX12" fmla="*/ 10000 w 10000"/>
              <a:gd name="connsiteY12" fmla="*/ 5427 h 10015"/>
              <a:gd name="connsiteX13" fmla="*/ 9781 w 10000"/>
              <a:gd name="connsiteY13" fmla="*/ 5903 h 10015"/>
              <a:gd name="connsiteX14" fmla="*/ 9670 w 10000"/>
              <a:gd name="connsiteY14" fmla="*/ 6170 h 10015"/>
              <a:gd name="connsiteX15" fmla="*/ 9670 w 10000"/>
              <a:gd name="connsiteY15" fmla="*/ 6647 h 10015"/>
              <a:gd name="connsiteX16" fmla="*/ 9233 w 10000"/>
              <a:gd name="connsiteY16" fmla="*/ 6593 h 10015"/>
              <a:gd name="connsiteX17" fmla="*/ 8902 w 10000"/>
              <a:gd name="connsiteY17" fmla="*/ 6859 h 10015"/>
              <a:gd name="connsiteX18" fmla="*/ 8667 w 10000"/>
              <a:gd name="connsiteY18" fmla="*/ 6896 h 10015"/>
              <a:gd name="connsiteX19" fmla="*/ 8813 w 10000"/>
              <a:gd name="connsiteY19" fmla="*/ 7909 h 10015"/>
              <a:gd name="connsiteX20" fmla="*/ 8218 w 10000"/>
              <a:gd name="connsiteY20" fmla="*/ 8974 h 10015"/>
              <a:gd name="connsiteX21" fmla="*/ 8097 w 10000"/>
              <a:gd name="connsiteY21" fmla="*/ 9990 h 10015"/>
              <a:gd name="connsiteX22" fmla="*/ 7400 w 10000"/>
              <a:gd name="connsiteY22" fmla="*/ 9723 h 10015"/>
              <a:gd name="connsiteX23" fmla="*/ 1502 w 10000"/>
              <a:gd name="connsiteY23" fmla="*/ 9935 h 10015"/>
              <a:gd name="connsiteX24" fmla="*/ 1428 w 10000"/>
              <a:gd name="connsiteY24" fmla="*/ 9460 h 10015"/>
              <a:gd name="connsiteX25" fmla="*/ 1223 w 10000"/>
              <a:gd name="connsiteY25" fmla="*/ 9316 h 10015"/>
              <a:gd name="connsiteX26" fmla="*/ 1120 w 10000"/>
              <a:gd name="connsiteY26" fmla="*/ 8921 h 10015"/>
              <a:gd name="connsiteX27" fmla="*/ 1145 w 10000"/>
              <a:gd name="connsiteY27" fmla="*/ 8439 h 10015"/>
              <a:gd name="connsiteX28" fmla="*/ 1167 w 10000"/>
              <a:gd name="connsiteY28" fmla="*/ 8061 h 10015"/>
              <a:gd name="connsiteX29" fmla="*/ 1246 w 10000"/>
              <a:gd name="connsiteY29" fmla="*/ 7600 h 10015"/>
              <a:gd name="connsiteX30" fmla="*/ 1173 w 10000"/>
              <a:gd name="connsiteY30" fmla="*/ 7178 h 10015"/>
              <a:gd name="connsiteX31" fmla="*/ 1051 w 10000"/>
              <a:gd name="connsiteY31" fmla="*/ 6758 h 10015"/>
              <a:gd name="connsiteX32" fmla="*/ 1062 w 10000"/>
              <a:gd name="connsiteY32" fmla="*/ 6382 h 10015"/>
              <a:gd name="connsiteX33" fmla="*/ 1062 w 10000"/>
              <a:gd name="connsiteY33" fmla="*/ 6277 h 10015"/>
              <a:gd name="connsiteX34" fmla="*/ 838 w 10000"/>
              <a:gd name="connsiteY34" fmla="*/ 5455 h 10015"/>
              <a:gd name="connsiteX35" fmla="*/ 696 w 10000"/>
              <a:gd name="connsiteY35" fmla="*/ 4471 h 10015"/>
              <a:gd name="connsiteX36" fmla="*/ 543 w 10000"/>
              <a:gd name="connsiteY36" fmla="*/ 3858 h 10015"/>
              <a:gd name="connsiteX37" fmla="*/ 521 w 10000"/>
              <a:gd name="connsiteY37" fmla="*/ 3389 h 10015"/>
              <a:gd name="connsiteX38" fmla="*/ 0 w 10000"/>
              <a:gd name="connsiteY38" fmla="*/ 2563 h 10015"/>
              <a:gd name="connsiteX39" fmla="*/ 477 w 10000"/>
              <a:gd name="connsiteY39" fmla="*/ 1977 h 10015"/>
              <a:gd name="connsiteX40" fmla="*/ 477 w 10000"/>
              <a:gd name="connsiteY40" fmla="*/ 1713 h 10015"/>
              <a:gd name="connsiteX41" fmla="*/ 477 w 10000"/>
              <a:gd name="connsiteY41" fmla="*/ 915 h 10015"/>
              <a:gd name="connsiteX42" fmla="*/ 715 w 10000"/>
              <a:gd name="connsiteY42" fmla="*/ 127 h 10015"/>
              <a:gd name="connsiteX43" fmla="*/ 4777 w 10000"/>
              <a:gd name="connsiteY43" fmla="*/ 162 h 10015"/>
              <a:gd name="connsiteX44" fmla="*/ 8448 w 10000"/>
              <a:gd name="connsiteY44" fmla="*/ 0 h 10015"/>
              <a:gd name="connsiteX0" fmla="*/ 8448 w 10000"/>
              <a:gd name="connsiteY0" fmla="*/ 0 h 10015"/>
              <a:gd name="connsiteX1" fmla="*/ 8570 w 10000"/>
              <a:gd name="connsiteY1" fmla="*/ 375 h 10015"/>
              <a:gd name="connsiteX2" fmla="*/ 8682 w 10000"/>
              <a:gd name="connsiteY2" fmla="*/ 915 h 10015"/>
              <a:gd name="connsiteX3" fmla="*/ 8631 w 10000"/>
              <a:gd name="connsiteY3" fmla="*/ 1221 h 10015"/>
              <a:gd name="connsiteX4" fmla="*/ 8426 w 10000"/>
              <a:gd name="connsiteY4" fmla="*/ 1923 h 10015"/>
              <a:gd name="connsiteX5" fmla="*/ 8537 w 10000"/>
              <a:gd name="connsiteY5" fmla="*/ 2189 h 10015"/>
              <a:gd name="connsiteX6" fmla="*/ 8572 w 10000"/>
              <a:gd name="connsiteY6" fmla="*/ 2510 h 10015"/>
              <a:gd name="connsiteX7" fmla="*/ 8976 w 10000"/>
              <a:gd name="connsiteY7" fmla="*/ 3039 h 10015"/>
              <a:gd name="connsiteX8" fmla="*/ 9458 w 10000"/>
              <a:gd name="connsiteY8" fmla="*/ 3370 h 10015"/>
              <a:gd name="connsiteX9" fmla="*/ 9561 w 10000"/>
              <a:gd name="connsiteY9" fmla="*/ 3995 h 10015"/>
              <a:gd name="connsiteX10" fmla="*/ 9743 w 10000"/>
              <a:gd name="connsiteY10" fmla="*/ 4365 h 10015"/>
              <a:gd name="connsiteX11" fmla="*/ 9890 w 10000"/>
              <a:gd name="connsiteY11" fmla="*/ 4632 h 10015"/>
              <a:gd name="connsiteX12" fmla="*/ 10000 w 10000"/>
              <a:gd name="connsiteY12" fmla="*/ 5427 h 10015"/>
              <a:gd name="connsiteX13" fmla="*/ 9781 w 10000"/>
              <a:gd name="connsiteY13" fmla="*/ 5903 h 10015"/>
              <a:gd name="connsiteX14" fmla="*/ 9670 w 10000"/>
              <a:gd name="connsiteY14" fmla="*/ 6170 h 10015"/>
              <a:gd name="connsiteX15" fmla="*/ 9670 w 10000"/>
              <a:gd name="connsiteY15" fmla="*/ 6647 h 10015"/>
              <a:gd name="connsiteX16" fmla="*/ 9233 w 10000"/>
              <a:gd name="connsiteY16" fmla="*/ 6593 h 10015"/>
              <a:gd name="connsiteX17" fmla="*/ 8902 w 10000"/>
              <a:gd name="connsiteY17" fmla="*/ 6859 h 10015"/>
              <a:gd name="connsiteX18" fmla="*/ 8667 w 10000"/>
              <a:gd name="connsiteY18" fmla="*/ 6896 h 10015"/>
              <a:gd name="connsiteX19" fmla="*/ 8813 w 10000"/>
              <a:gd name="connsiteY19" fmla="*/ 7909 h 10015"/>
              <a:gd name="connsiteX20" fmla="*/ 8218 w 10000"/>
              <a:gd name="connsiteY20" fmla="*/ 8974 h 10015"/>
              <a:gd name="connsiteX21" fmla="*/ 8097 w 10000"/>
              <a:gd name="connsiteY21" fmla="*/ 9990 h 10015"/>
              <a:gd name="connsiteX22" fmla="*/ 7400 w 10000"/>
              <a:gd name="connsiteY22" fmla="*/ 9723 h 10015"/>
              <a:gd name="connsiteX23" fmla="*/ 1502 w 10000"/>
              <a:gd name="connsiteY23" fmla="*/ 9935 h 10015"/>
              <a:gd name="connsiteX24" fmla="*/ 1428 w 10000"/>
              <a:gd name="connsiteY24" fmla="*/ 9460 h 10015"/>
              <a:gd name="connsiteX25" fmla="*/ 1223 w 10000"/>
              <a:gd name="connsiteY25" fmla="*/ 9316 h 10015"/>
              <a:gd name="connsiteX26" fmla="*/ 1120 w 10000"/>
              <a:gd name="connsiteY26" fmla="*/ 8921 h 10015"/>
              <a:gd name="connsiteX27" fmla="*/ 1145 w 10000"/>
              <a:gd name="connsiteY27" fmla="*/ 8439 h 10015"/>
              <a:gd name="connsiteX28" fmla="*/ 1167 w 10000"/>
              <a:gd name="connsiteY28" fmla="*/ 8061 h 10015"/>
              <a:gd name="connsiteX29" fmla="*/ 1246 w 10000"/>
              <a:gd name="connsiteY29" fmla="*/ 7600 h 10015"/>
              <a:gd name="connsiteX30" fmla="*/ 1173 w 10000"/>
              <a:gd name="connsiteY30" fmla="*/ 7178 h 10015"/>
              <a:gd name="connsiteX31" fmla="*/ 1051 w 10000"/>
              <a:gd name="connsiteY31" fmla="*/ 6758 h 10015"/>
              <a:gd name="connsiteX32" fmla="*/ 1062 w 10000"/>
              <a:gd name="connsiteY32" fmla="*/ 6382 h 10015"/>
              <a:gd name="connsiteX33" fmla="*/ 1062 w 10000"/>
              <a:gd name="connsiteY33" fmla="*/ 6277 h 10015"/>
              <a:gd name="connsiteX34" fmla="*/ 838 w 10000"/>
              <a:gd name="connsiteY34" fmla="*/ 5455 h 10015"/>
              <a:gd name="connsiteX35" fmla="*/ 696 w 10000"/>
              <a:gd name="connsiteY35" fmla="*/ 4471 h 10015"/>
              <a:gd name="connsiteX36" fmla="*/ 543 w 10000"/>
              <a:gd name="connsiteY36" fmla="*/ 3858 h 10015"/>
              <a:gd name="connsiteX37" fmla="*/ 521 w 10000"/>
              <a:gd name="connsiteY37" fmla="*/ 3389 h 10015"/>
              <a:gd name="connsiteX38" fmla="*/ 0 w 10000"/>
              <a:gd name="connsiteY38" fmla="*/ 2563 h 10015"/>
              <a:gd name="connsiteX39" fmla="*/ 477 w 10000"/>
              <a:gd name="connsiteY39" fmla="*/ 1977 h 10015"/>
              <a:gd name="connsiteX40" fmla="*/ 477 w 10000"/>
              <a:gd name="connsiteY40" fmla="*/ 1713 h 10015"/>
              <a:gd name="connsiteX41" fmla="*/ 477 w 10000"/>
              <a:gd name="connsiteY41" fmla="*/ 915 h 10015"/>
              <a:gd name="connsiteX42" fmla="*/ 715 w 10000"/>
              <a:gd name="connsiteY42" fmla="*/ 127 h 10015"/>
              <a:gd name="connsiteX43" fmla="*/ 4777 w 10000"/>
              <a:gd name="connsiteY43" fmla="*/ 162 h 10015"/>
              <a:gd name="connsiteX44" fmla="*/ 8448 w 10000"/>
              <a:gd name="connsiteY44" fmla="*/ 0 h 10015"/>
              <a:gd name="connsiteX0" fmla="*/ 8448 w 10000"/>
              <a:gd name="connsiteY0" fmla="*/ 0 h 10015"/>
              <a:gd name="connsiteX1" fmla="*/ 8570 w 10000"/>
              <a:gd name="connsiteY1" fmla="*/ 375 h 10015"/>
              <a:gd name="connsiteX2" fmla="*/ 8682 w 10000"/>
              <a:gd name="connsiteY2" fmla="*/ 915 h 10015"/>
              <a:gd name="connsiteX3" fmla="*/ 8631 w 10000"/>
              <a:gd name="connsiteY3" fmla="*/ 1221 h 10015"/>
              <a:gd name="connsiteX4" fmla="*/ 8426 w 10000"/>
              <a:gd name="connsiteY4" fmla="*/ 1923 h 10015"/>
              <a:gd name="connsiteX5" fmla="*/ 8537 w 10000"/>
              <a:gd name="connsiteY5" fmla="*/ 2189 h 10015"/>
              <a:gd name="connsiteX6" fmla="*/ 8572 w 10000"/>
              <a:gd name="connsiteY6" fmla="*/ 2510 h 10015"/>
              <a:gd name="connsiteX7" fmla="*/ 8976 w 10000"/>
              <a:gd name="connsiteY7" fmla="*/ 3039 h 10015"/>
              <a:gd name="connsiteX8" fmla="*/ 9458 w 10000"/>
              <a:gd name="connsiteY8" fmla="*/ 3370 h 10015"/>
              <a:gd name="connsiteX9" fmla="*/ 9561 w 10000"/>
              <a:gd name="connsiteY9" fmla="*/ 3995 h 10015"/>
              <a:gd name="connsiteX10" fmla="*/ 9743 w 10000"/>
              <a:gd name="connsiteY10" fmla="*/ 4365 h 10015"/>
              <a:gd name="connsiteX11" fmla="*/ 9890 w 10000"/>
              <a:gd name="connsiteY11" fmla="*/ 4632 h 10015"/>
              <a:gd name="connsiteX12" fmla="*/ 10000 w 10000"/>
              <a:gd name="connsiteY12" fmla="*/ 5427 h 10015"/>
              <a:gd name="connsiteX13" fmla="*/ 9781 w 10000"/>
              <a:gd name="connsiteY13" fmla="*/ 5903 h 10015"/>
              <a:gd name="connsiteX14" fmla="*/ 9670 w 10000"/>
              <a:gd name="connsiteY14" fmla="*/ 6170 h 10015"/>
              <a:gd name="connsiteX15" fmla="*/ 9670 w 10000"/>
              <a:gd name="connsiteY15" fmla="*/ 6647 h 10015"/>
              <a:gd name="connsiteX16" fmla="*/ 9354 w 10000"/>
              <a:gd name="connsiteY16" fmla="*/ 7012 h 10015"/>
              <a:gd name="connsiteX17" fmla="*/ 8902 w 10000"/>
              <a:gd name="connsiteY17" fmla="*/ 6859 h 10015"/>
              <a:gd name="connsiteX18" fmla="*/ 8667 w 10000"/>
              <a:gd name="connsiteY18" fmla="*/ 6896 h 10015"/>
              <a:gd name="connsiteX19" fmla="*/ 8813 w 10000"/>
              <a:gd name="connsiteY19" fmla="*/ 7909 h 10015"/>
              <a:gd name="connsiteX20" fmla="*/ 8218 w 10000"/>
              <a:gd name="connsiteY20" fmla="*/ 8974 h 10015"/>
              <a:gd name="connsiteX21" fmla="*/ 8097 w 10000"/>
              <a:gd name="connsiteY21" fmla="*/ 9990 h 10015"/>
              <a:gd name="connsiteX22" fmla="*/ 7400 w 10000"/>
              <a:gd name="connsiteY22" fmla="*/ 9723 h 10015"/>
              <a:gd name="connsiteX23" fmla="*/ 1502 w 10000"/>
              <a:gd name="connsiteY23" fmla="*/ 9935 h 10015"/>
              <a:gd name="connsiteX24" fmla="*/ 1428 w 10000"/>
              <a:gd name="connsiteY24" fmla="*/ 9460 h 10015"/>
              <a:gd name="connsiteX25" fmla="*/ 1223 w 10000"/>
              <a:gd name="connsiteY25" fmla="*/ 9316 h 10015"/>
              <a:gd name="connsiteX26" fmla="*/ 1120 w 10000"/>
              <a:gd name="connsiteY26" fmla="*/ 8921 h 10015"/>
              <a:gd name="connsiteX27" fmla="*/ 1145 w 10000"/>
              <a:gd name="connsiteY27" fmla="*/ 8439 h 10015"/>
              <a:gd name="connsiteX28" fmla="*/ 1167 w 10000"/>
              <a:gd name="connsiteY28" fmla="*/ 8061 h 10015"/>
              <a:gd name="connsiteX29" fmla="*/ 1246 w 10000"/>
              <a:gd name="connsiteY29" fmla="*/ 7600 h 10015"/>
              <a:gd name="connsiteX30" fmla="*/ 1173 w 10000"/>
              <a:gd name="connsiteY30" fmla="*/ 7178 h 10015"/>
              <a:gd name="connsiteX31" fmla="*/ 1051 w 10000"/>
              <a:gd name="connsiteY31" fmla="*/ 6758 h 10015"/>
              <a:gd name="connsiteX32" fmla="*/ 1062 w 10000"/>
              <a:gd name="connsiteY32" fmla="*/ 6382 h 10015"/>
              <a:gd name="connsiteX33" fmla="*/ 1062 w 10000"/>
              <a:gd name="connsiteY33" fmla="*/ 6277 h 10015"/>
              <a:gd name="connsiteX34" fmla="*/ 838 w 10000"/>
              <a:gd name="connsiteY34" fmla="*/ 5455 h 10015"/>
              <a:gd name="connsiteX35" fmla="*/ 696 w 10000"/>
              <a:gd name="connsiteY35" fmla="*/ 4471 h 10015"/>
              <a:gd name="connsiteX36" fmla="*/ 543 w 10000"/>
              <a:gd name="connsiteY36" fmla="*/ 3858 h 10015"/>
              <a:gd name="connsiteX37" fmla="*/ 521 w 10000"/>
              <a:gd name="connsiteY37" fmla="*/ 3389 h 10015"/>
              <a:gd name="connsiteX38" fmla="*/ 0 w 10000"/>
              <a:gd name="connsiteY38" fmla="*/ 2563 h 10015"/>
              <a:gd name="connsiteX39" fmla="*/ 477 w 10000"/>
              <a:gd name="connsiteY39" fmla="*/ 1977 h 10015"/>
              <a:gd name="connsiteX40" fmla="*/ 477 w 10000"/>
              <a:gd name="connsiteY40" fmla="*/ 1713 h 10015"/>
              <a:gd name="connsiteX41" fmla="*/ 477 w 10000"/>
              <a:gd name="connsiteY41" fmla="*/ 915 h 10015"/>
              <a:gd name="connsiteX42" fmla="*/ 715 w 10000"/>
              <a:gd name="connsiteY42" fmla="*/ 127 h 10015"/>
              <a:gd name="connsiteX43" fmla="*/ 4777 w 10000"/>
              <a:gd name="connsiteY43" fmla="*/ 162 h 10015"/>
              <a:gd name="connsiteX44" fmla="*/ 8448 w 10000"/>
              <a:gd name="connsiteY44" fmla="*/ 0 h 10015"/>
              <a:gd name="connsiteX0" fmla="*/ 8448 w 10000"/>
              <a:gd name="connsiteY0" fmla="*/ 0 h 10007"/>
              <a:gd name="connsiteX1" fmla="*/ 8570 w 10000"/>
              <a:gd name="connsiteY1" fmla="*/ 375 h 10007"/>
              <a:gd name="connsiteX2" fmla="*/ 8682 w 10000"/>
              <a:gd name="connsiteY2" fmla="*/ 915 h 10007"/>
              <a:gd name="connsiteX3" fmla="*/ 8631 w 10000"/>
              <a:gd name="connsiteY3" fmla="*/ 1221 h 10007"/>
              <a:gd name="connsiteX4" fmla="*/ 8426 w 10000"/>
              <a:gd name="connsiteY4" fmla="*/ 1923 h 10007"/>
              <a:gd name="connsiteX5" fmla="*/ 8537 w 10000"/>
              <a:gd name="connsiteY5" fmla="*/ 2189 h 10007"/>
              <a:gd name="connsiteX6" fmla="*/ 8572 w 10000"/>
              <a:gd name="connsiteY6" fmla="*/ 2510 h 10007"/>
              <a:gd name="connsiteX7" fmla="*/ 8976 w 10000"/>
              <a:gd name="connsiteY7" fmla="*/ 3039 h 10007"/>
              <a:gd name="connsiteX8" fmla="*/ 9458 w 10000"/>
              <a:gd name="connsiteY8" fmla="*/ 3370 h 10007"/>
              <a:gd name="connsiteX9" fmla="*/ 9561 w 10000"/>
              <a:gd name="connsiteY9" fmla="*/ 3995 h 10007"/>
              <a:gd name="connsiteX10" fmla="*/ 9743 w 10000"/>
              <a:gd name="connsiteY10" fmla="*/ 4365 h 10007"/>
              <a:gd name="connsiteX11" fmla="*/ 9890 w 10000"/>
              <a:gd name="connsiteY11" fmla="*/ 4632 h 10007"/>
              <a:gd name="connsiteX12" fmla="*/ 10000 w 10000"/>
              <a:gd name="connsiteY12" fmla="*/ 5427 h 10007"/>
              <a:gd name="connsiteX13" fmla="*/ 9781 w 10000"/>
              <a:gd name="connsiteY13" fmla="*/ 5903 h 10007"/>
              <a:gd name="connsiteX14" fmla="*/ 9670 w 10000"/>
              <a:gd name="connsiteY14" fmla="*/ 6170 h 10007"/>
              <a:gd name="connsiteX15" fmla="*/ 9670 w 10000"/>
              <a:gd name="connsiteY15" fmla="*/ 6647 h 10007"/>
              <a:gd name="connsiteX16" fmla="*/ 9354 w 10000"/>
              <a:gd name="connsiteY16" fmla="*/ 7012 h 10007"/>
              <a:gd name="connsiteX17" fmla="*/ 8902 w 10000"/>
              <a:gd name="connsiteY17" fmla="*/ 6859 h 10007"/>
              <a:gd name="connsiteX18" fmla="*/ 8667 w 10000"/>
              <a:gd name="connsiteY18" fmla="*/ 6896 h 10007"/>
              <a:gd name="connsiteX19" fmla="*/ 8813 w 10000"/>
              <a:gd name="connsiteY19" fmla="*/ 7909 h 10007"/>
              <a:gd name="connsiteX20" fmla="*/ 8218 w 10000"/>
              <a:gd name="connsiteY20" fmla="*/ 8974 h 10007"/>
              <a:gd name="connsiteX21" fmla="*/ 8097 w 10000"/>
              <a:gd name="connsiteY21" fmla="*/ 9990 h 10007"/>
              <a:gd name="connsiteX22" fmla="*/ 7496 w 10000"/>
              <a:gd name="connsiteY22" fmla="*/ 9505 h 10007"/>
              <a:gd name="connsiteX23" fmla="*/ 1502 w 10000"/>
              <a:gd name="connsiteY23" fmla="*/ 9935 h 10007"/>
              <a:gd name="connsiteX24" fmla="*/ 1428 w 10000"/>
              <a:gd name="connsiteY24" fmla="*/ 9460 h 10007"/>
              <a:gd name="connsiteX25" fmla="*/ 1223 w 10000"/>
              <a:gd name="connsiteY25" fmla="*/ 9316 h 10007"/>
              <a:gd name="connsiteX26" fmla="*/ 1120 w 10000"/>
              <a:gd name="connsiteY26" fmla="*/ 8921 h 10007"/>
              <a:gd name="connsiteX27" fmla="*/ 1145 w 10000"/>
              <a:gd name="connsiteY27" fmla="*/ 8439 h 10007"/>
              <a:gd name="connsiteX28" fmla="*/ 1167 w 10000"/>
              <a:gd name="connsiteY28" fmla="*/ 8061 h 10007"/>
              <a:gd name="connsiteX29" fmla="*/ 1246 w 10000"/>
              <a:gd name="connsiteY29" fmla="*/ 7600 h 10007"/>
              <a:gd name="connsiteX30" fmla="*/ 1173 w 10000"/>
              <a:gd name="connsiteY30" fmla="*/ 7178 h 10007"/>
              <a:gd name="connsiteX31" fmla="*/ 1051 w 10000"/>
              <a:gd name="connsiteY31" fmla="*/ 6758 h 10007"/>
              <a:gd name="connsiteX32" fmla="*/ 1062 w 10000"/>
              <a:gd name="connsiteY32" fmla="*/ 6382 h 10007"/>
              <a:gd name="connsiteX33" fmla="*/ 1062 w 10000"/>
              <a:gd name="connsiteY33" fmla="*/ 6277 h 10007"/>
              <a:gd name="connsiteX34" fmla="*/ 838 w 10000"/>
              <a:gd name="connsiteY34" fmla="*/ 5455 h 10007"/>
              <a:gd name="connsiteX35" fmla="*/ 696 w 10000"/>
              <a:gd name="connsiteY35" fmla="*/ 4471 h 10007"/>
              <a:gd name="connsiteX36" fmla="*/ 543 w 10000"/>
              <a:gd name="connsiteY36" fmla="*/ 3858 h 10007"/>
              <a:gd name="connsiteX37" fmla="*/ 521 w 10000"/>
              <a:gd name="connsiteY37" fmla="*/ 3389 h 10007"/>
              <a:gd name="connsiteX38" fmla="*/ 0 w 10000"/>
              <a:gd name="connsiteY38" fmla="*/ 2563 h 10007"/>
              <a:gd name="connsiteX39" fmla="*/ 477 w 10000"/>
              <a:gd name="connsiteY39" fmla="*/ 1977 h 10007"/>
              <a:gd name="connsiteX40" fmla="*/ 477 w 10000"/>
              <a:gd name="connsiteY40" fmla="*/ 1713 h 10007"/>
              <a:gd name="connsiteX41" fmla="*/ 477 w 10000"/>
              <a:gd name="connsiteY41" fmla="*/ 915 h 10007"/>
              <a:gd name="connsiteX42" fmla="*/ 715 w 10000"/>
              <a:gd name="connsiteY42" fmla="*/ 127 h 10007"/>
              <a:gd name="connsiteX43" fmla="*/ 4777 w 10000"/>
              <a:gd name="connsiteY43" fmla="*/ 162 h 10007"/>
              <a:gd name="connsiteX44" fmla="*/ 8448 w 10000"/>
              <a:gd name="connsiteY44" fmla="*/ 0 h 10007"/>
              <a:gd name="connsiteX0" fmla="*/ 8448 w 10000"/>
              <a:gd name="connsiteY0" fmla="*/ 0 h 10007"/>
              <a:gd name="connsiteX1" fmla="*/ 8570 w 10000"/>
              <a:gd name="connsiteY1" fmla="*/ 375 h 10007"/>
              <a:gd name="connsiteX2" fmla="*/ 8682 w 10000"/>
              <a:gd name="connsiteY2" fmla="*/ 915 h 10007"/>
              <a:gd name="connsiteX3" fmla="*/ 8631 w 10000"/>
              <a:gd name="connsiteY3" fmla="*/ 1221 h 10007"/>
              <a:gd name="connsiteX4" fmla="*/ 8426 w 10000"/>
              <a:gd name="connsiteY4" fmla="*/ 1923 h 10007"/>
              <a:gd name="connsiteX5" fmla="*/ 8537 w 10000"/>
              <a:gd name="connsiteY5" fmla="*/ 2189 h 10007"/>
              <a:gd name="connsiteX6" fmla="*/ 8572 w 10000"/>
              <a:gd name="connsiteY6" fmla="*/ 2510 h 10007"/>
              <a:gd name="connsiteX7" fmla="*/ 8976 w 10000"/>
              <a:gd name="connsiteY7" fmla="*/ 3039 h 10007"/>
              <a:gd name="connsiteX8" fmla="*/ 9458 w 10000"/>
              <a:gd name="connsiteY8" fmla="*/ 3370 h 10007"/>
              <a:gd name="connsiteX9" fmla="*/ 9561 w 10000"/>
              <a:gd name="connsiteY9" fmla="*/ 3995 h 10007"/>
              <a:gd name="connsiteX10" fmla="*/ 9743 w 10000"/>
              <a:gd name="connsiteY10" fmla="*/ 4365 h 10007"/>
              <a:gd name="connsiteX11" fmla="*/ 9890 w 10000"/>
              <a:gd name="connsiteY11" fmla="*/ 4632 h 10007"/>
              <a:gd name="connsiteX12" fmla="*/ 10000 w 10000"/>
              <a:gd name="connsiteY12" fmla="*/ 5427 h 10007"/>
              <a:gd name="connsiteX13" fmla="*/ 9781 w 10000"/>
              <a:gd name="connsiteY13" fmla="*/ 5903 h 10007"/>
              <a:gd name="connsiteX14" fmla="*/ 9670 w 10000"/>
              <a:gd name="connsiteY14" fmla="*/ 6170 h 10007"/>
              <a:gd name="connsiteX15" fmla="*/ 9670 w 10000"/>
              <a:gd name="connsiteY15" fmla="*/ 6647 h 10007"/>
              <a:gd name="connsiteX16" fmla="*/ 9354 w 10000"/>
              <a:gd name="connsiteY16" fmla="*/ 7012 h 10007"/>
              <a:gd name="connsiteX17" fmla="*/ 8902 w 10000"/>
              <a:gd name="connsiteY17" fmla="*/ 6859 h 10007"/>
              <a:gd name="connsiteX18" fmla="*/ 8667 w 10000"/>
              <a:gd name="connsiteY18" fmla="*/ 6896 h 10007"/>
              <a:gd name="connsiteX19" fmla="*/ 8813 w 10000"/>
              <a:gd name="connsiteY19" fmla="*/ 7909 h 10007"/>
              <a:gd name="connsiteX20" fmla="*/ 8218 w 10000"/>
              <a:gd name="connsiteY20" fmla="*/ 8974 h 10007"/>
              <a:gd name="connsiteX21" fmla="*/ 8097 w 10000"/>
              <a:gd name="connsiteY21" fmla="*/ 9990 h 10007"/>
              <a:gd name="connsiteX22" fmla="*/ 7496 w 10000"/>
              <a:gd name="connsiteY22" fmla="*/ 9505 h 10007"/>
              <a:gd name="connsiteX23" fmla="*/ 3102 w 10000"/>
              <a:gd name="connsiteY23" fmla="*/ 9416 h 10007"/>
              <a:gd name="connsiteX24" fmla="*/ 1428 w 10000"/>
              <a:gd name="connsiteY24" fmla="*/ 9460 h 10007"/>
              <a:gd name="connsiteX25" fmla="*/ 1223 w 10000"/>
              <a:gd name="connsiteY25" fmla="*/ 9316 h 10007"/>
              <a:gd name="connsiteX26" fmla="*/ 1120 w 10000"/>
              <a:gd name="connsiteY26" fmla="*/ 8921 h 10007"/>
              <a:gd name="connsiteX27" fmla="*/ 1145 w 10000"/>
              <a:gd name="connsiteY27" fmla="*/ 8439 h 10007"/>
              <a:gd name="connsiteX28" fmla="*/ 1167 w 10000"/>
              <a:gd name="connsiteY28" fmla="*/ 8061 h 10007"/>
              <a:gd name="connsiteX29" fmla="*/ 1246 w 10000"/>
              <a:gd name="connsiteY29" fmla="*/ 7600 h 10007"/>
              <a:gd name="connsiteX30" fmla="*/ 1173 w 10000"/>
              <a:gd name="connsiteY30" fmla="*/ 7178 h 10007"/>
              <a:gd name="connsiteX31" fmla="*/ 1051 w 10000"/>
              <a:gd name="connsiteY31" fmla="*/ 6758 h 10007"/>
              <a:gd name="connsiteX32" fmla="*/ 1062 w 10000"/>
              <a:gd name="connsiteY32" fmla="*/ 6382 h 10007"/>
              <a:gd name="connsiteX33" fmla="*/ 1062 w 10000"/>
              <a:gd name="connsiteY33" fmla="*/ 6277 h 10007"/>
              <a:gd name="connsiteX34" fmla="*/ 838 w 10000"/>
              <a:gd name="connsiteY34" fmla="*/ 5455 h 10007"/>
              <a:gd name="connsiteX35" fmla="*/ 696 w 10000"/>
              <a:gd name="connsiteY35" fmla="*/ 4471 h 10007"/>
              <a:gd name="connsiteX36" fmla="*/ 543 w 10000"/>
              <a:gd name="connsiteY36" fmla="*/ 3858 h 10007"/>
              <a:gd name="connsiteX37" fmla="*/ 521 w 10000"/>
              <a:gd name="connsiteY37" fmla="*/ 3389 h 10007"/>
              <a:gd name="connsiteX38" fmla="*/ 0 w 10000"/>
              <a:gd name="connsiteY38" fmla="*/ 2563 h 10007"/>
              <a:gd name="connsiteX39" fmla="*/ 477 w 10000"/>
              <a:gd name="connsiteY39" fmla="*/ 1977 h 10007"/>
              <a:gd name="connsiteX40" fmla="*/ 477 w 10000"/>
              <a:gd name="connsiteY40" fmla="*/ 1713 h 10007"/>
              <a:gd name="connsiteX41" fmla="*/ 477 w 10000"/>
              <a:gd name="connsiteY41" fmla="*/ 915 h 10007"/>
              <a:gd name="connsiteX42" fmla="*/ 715 w 10000"/>
              <a:gd name="connsiteY42" fmla="*/ 127 h 10007"/>
              <a:gd name="connsiteX43" fmla="*/ 4777 w 10000"/>
              <a:gd name="connsiteY43" fmla="*/ 162 h 10007"/>
              <a:gd name="connsiteX44" fmla="*/ 8448 w 10000"/>
              <a:gd name="connsiteY44" fmla="*/ 0 h 10007"/>
              <a:gd name="connsiteX0" fmla="*/ 8448 w 10000"/>
              <a:gd name="connsiteY0" fmla="*/ 0 h 10007"/>
              <a:gd name="connsiteX1" fmla="*/ 8570 w 10000"/>
              <a:gd name="connsiteY1" fmla="*/ 375 h 10007"/>
              <a:gd name="connsiteX2" fmla="*/ 8682 w 10000"/>
              <a:gd name="connsiteY2" fmla="*/ 915 h 10007"/>
              <a:gd name="connsiteX3" fmla="*/ 8631 w 10000"/>
              <a:gd name="connsiteY3" fmla="*/ 1221 h 10007"/>
              <a:gd name="connsiteX4" fmla="*/ 8426 w 10000"/>
              <a:gd name="connsiteY4" fmla="*/ 1923 h 10007"/>
              <a:gd name="connsiteX5" fmla="*/ 8537 w 10000"/>
              <a:gd name="connsiteY5" fmla="*/ 2189 h 10007"/>
              <a:gd name="connsiteX6" fmla="*/ 8572 w 10000"/>
              <a:gd name="connsiteY6" fmla="*/ 2510 h 10007"/>
              <a:gd name="connsiteX7" fmla="*/ 8976 w 10000"/>
              <a:gd name="connsiteY7" fmla="*/ 3039 h 10007"/>
              <a:gd name="connsiteX8" fmla="*/ 9458 w 10000"/>
              <a:gd name="connsiteY8" fmla="*/ 3370 h 10007"/>
              <a:gd name="connsiteX9" fmla="*/ 9561 w 10000"/>
              <a:gd name="connsiteY9" fmla="*/ 3995 h 10007"/>
              <a:gd name="connsiteX10" fmla="*/ 9743 w 10000"/>
              <a:gd name="connsiteY10" fmla="*/ 4365 h 10007"/>
              <a:gd name="connsiteX11" fmla="*/ 9890 w 10000"/>
              <a:gd name="connsiteY11" fmla="*/ 4632 h 10007"/>
              <a:gd name="connsiteX12" fmla="*/ 10000 w 10000"/>
              <a:gd name="connsiteY12" fmla="*/ 5427 h 10007"/>
              <a:gd name="connsiteX13" fmla="*/ 9781 w 10000"/>
              <a:gd name="connsiteY13" fmla="*/ 5903 h 10007"/>
              <a:gd name="connsiteX14" fmla="*/ 9670 w 10000"/>
              <a:gd name="connsiteY14" fmla="*/ 6170 h 10007"/>
              <a:gd name="connsiteX15" fmla="*/ 9670 w 10000"/>
              <a:gd name="connsiteY15" fmla="*/ 6647 h 10007"/>
              <a:gd name="connsiteX16" fmla="*/ 9354 w 10000"/>
              <a:gd name="connsiteY16" fmla="*/ 7012 h 10007"/>
              <a:gd name="connsiteX17" fmla="*/ 8902 w 10000"/>
              <a:gd name="connsiteY17" fmla="*/ 6859 h 10007"/>
              <a:gd name="connsiteX18" fmla="*/ 8667 w 10000"/>
              <a:gd name="connsiteY18" fmla="*/ 6896 h 10007"/>
              <a:gd name="connsiteX19" fmla="*/ 8813 w 10000"/>
              <a:gd name="connsiteY19" fmla="*/ 7909 h 10007"/>
              <a:gd name="connsiteX20" fmla="*/ 8218 w 10000"/>
              <a:gd name="connsiteY20" fmla="*/ 8974 h 10007"/>
              <a:gd name="connsiteX21" fmla="*/ 8097 w 10000"/>
              <a:gd name="connsiteY21" fmla="*/ 9990 h 10007"/>
              <a:gd name="connsiteX22" fmla="*/ 7496 w 10000"/>
              <a:gd name="connsiteY22" fmla="*/ 9505 h 10007"/>
              <a:gd name="connsiteX23" fmla="*/ 3102 w 10000"/>
              <a:gd name="connsiteY23" fmla="*/ 9416 h 10007"/>
              <a:gd name="connsiteX24" fmla="*/ 1223 w 10000"/>
              <a:gd name="connsiteY24" fmla="*/ 9316 h 10007"/>
              <a:gd name="connsiteX25" fmla="*/ 1120 w 10000"/>
              <a:gd name="connsiteY25" fmla="*/ 8921 h 10007"/>
              <a:gd name="connsiteX26" fmla="*/ 1145 w 10000"/>
              <a:gd name="connsiteY26" fmla="*/ 8439 h 10007"/>
              <a:gd name="connsiteX27" fmla="*/ 1167 w 10000"/>
              <a:gd name="connsiteY27" fmla="*/ 8061 h 10007"/>
              <a:gd name="connsiteX28" fmla="*/ 1246 w 10000"/>
              <a:gd name="connsiteY28" fmla="*/ 7600 h 10007"/>
              <a:gd name="connsiteX29" fmla="*/ 1173 w 10000"/>
              <a:gd name="connsiteY29" fmla="*/ 7178 h 10007"/>
              <a:gd name="connsiteX30" fmla="*/ 1051 w 10000"/>
              <a:gd name="connsiteY30" fmla="*/ 6758 h 10007"/>
              <a:gd name="connsiteX31" fmla="*/ 1062 w 10000"/>
              <a:gd name="connsiteY31" fmla="*/ 6382 h 10007"/>
              <a:gd name="connsiteX32" fmla="*/ 1062 w 10000"/>
              <a:gd name="connsiteY32" fmla="*/ 6277 h 10007"/>
              <a:gd name="connsiteX33" fmla="*/ 838 w 10000"/>
              <a:gd name="connsiteY33" fmla="*/ 5455 h 10007"/>
              <a:gd name="connsiteX34" fmla="*/ 696 w 10000"/>
              <a:gd name="connsiteY34" fmla="*/ 4471 h 10007"/>
              <a:gd name="connsiteX35" fmla="*/ 543 w 10000"/>
              <a:gd name="connsiteY35" fmla="*/ 3858 h 10007"/>
              <a:gd name="connsiteX36" fmla="*/ 521 w 10000"/>
              <a:gd name="connsiteY36" fmla="*/ 3389 h 10007"/>
              <a:gd name="connsiteX37" fmla="*/ 0 w 10000"/>
              <a:gd name="connsiteY37" fmla="*/ 2563 h 10007"/>
              <a:gd name="connsiteX38" fmla="*/ 477 w 10000"/>
              <a:gd name="connsiteY38" fmla="*/ 1977 h 10007"/>
              <a:gd name="connsiteX39" fmla="*/ 477 w 10000"/>
              <a:gd name="connsiteY39" fmla="*/ 1713 h 10007"/>
              <a:gd name="connsiteX40" fmla="*/ 477 w 10000"/>
              <a:gd name="connsiteY40" fmla="*/ 915 h 10007"/>
              <a:gd name="connsiteX41" fmla="*/ 715 w 10000"/>
              <a:gd name="connsiteY41" fmla="*/ 127 h 10007"/>
              <a:gd name="connsiteX42" fmla="*/ 4777 w 10000"/>
              <a:gd name="connsiteY42" fmla="*/ 162 h 10007"/>
              <a:gd name="connsiteX43" fmla="*/ 8448 w 10000"/>
              <a:gd name="connsiteY43" fmla="*/ 0 h 10007"/>
              <a:gd name="connsiteX0" fmla="*/ 8448 w 10000"/>
              <a:gd name="connsiteY0" fmla="*/ 0 h 9505"/>
              <a:gd name="connsiteX1" fmla="*/ 8570 w 10000"/>
              <a:gd name="connsiteY1" fmla="*/ 375 h 9505"/>
              <a:gd name="connsiteX2" fmla="*/ 8682 w 10000"/>
              <a:gd name="connsiteY2" fmla="*/ 915 h 9505"/>
              <a:gd name="connsiteX3" fmla="*/ 8631 w 10000"/>
              <a:gd name="connsiteY3" fmla="*/ 1221 h 9505"/>
              <a:gd name="connsiteX4" fmla="*/ 8426 w 10000"/>
              <a:gd name="connsiteY4" fmla="*/ 1923 h 9505"/>
              <a:gd name="connsiteX5" fmla="*/ 8537 w 10000"/>
              <a:gd name="connsiteY5" fmla="*/ 2189 h 9505"/>
              <a:gd name="connsiteX6" fmla="*/ 8572 w 10000"/>
              <a:gd name="connsiteY6" fmla="*/ 2510 h 9505"/>
              <a:gd name="connsiteX7" fmla="*/ 8976 w 10000"/>
              <a:gd name="connsiteY7" fmla="*/ 3039 h 9505"/>
              <a:gd name="connsiteX8" fmla="*/ 9458 w 10000"/>
              <a:gd name="connsiteY8" fmla="*/ 3370 h 9505"/>
              <a:gd name="connsiteX9" fmla="*/ 9561 w 10000"/>
              <a:gd name="connsiteY9" fmla="*/ 3995 h 9505"/>
              <a:gd name="connsiteX10" fmla="*/ 9743 w 10000"/>
              <a:gd name="connsiteY10" fmla="*/ 4365 h 9505"/>
              <a:gd name="connsiteX11" fmla="*/ 9890 w 10000"/>
              <a:gd name="connsiteY11" fmla="*/ 4632 h 9505"/>
              <a:gd name="connsiteX12" fmla="*/ 10000 w 10000"/>
              <a:gd name="connsiteY12" fmla="*/ 5427 h 9505"/>
              <a:gd name="connsiteX13" fmla="*/ 9781 w 10000"/>
              <a:gd name="connsiteY13" fmla="*/ 5903 h 9505"/>
              <a:gd name="connsiteX14" fmla="*/ 9670 w 10000"/>
              <a:gd name="connsiteY14" fmla="*/ 6170 h 9505"/>
              <a:gd name="connsiteX15" fmla="*/ 9670 w 10000"/>
              <a:gd name="connsiteY15" fmla="*/ 6647 h 9505"/>
              <a:gd name="connsiteX16" fmla="*/ 9354 w 10000"/>
              <a:gd name="connsiteY16" fmla="*/ 7012 h 9505"/>
              <a:gd name="connsiteX17" fmla="*/ 8902 w 10000"/>
              <a:gd name="connsiteY17" fmla="*/ 6859 h 9505"/>
              <a:gd name="connsiteX18" fmla="*/ 8667 w 10000"/>
              <a:gd name="connsiteY18" fmla="*/ 6896 h 9505"/>
              <a:gd name="connsiteX19" fmla="*/ 8813 w 10000"/>
              <a:gd name="connsiteY19" fmla="*/ 7909 h 9505"/>
              <a:gd name="connsiteX20" fmla="*/ 8218 w 10000"/>
              <a:gd name="connsiteY20" fmla="*/ 8974 h 9505"/>
              <a:gd name="connsiteX21" fmla="*/ 7496 w 10000"/>
              <a:gd name="connsiteY21" fmla="*/ 9505 h 9505"/>
              <a:gd name="connsiteX22" fmla="*/ 3102 w 10000"/>
              <a:gd name="connsiteY22" fmla="*/ 9416 h 9505"/>
              <a:gd name="connsiteX23" fmla="*/ 1223 w 10000"/>
              <a:gd name="connsiteY23" fmla="*/ 9316 h 9505"/>
              <a:gd name="connsiteX24" fmla="*/ 1120 w 10000"/>
              <a:gd name="connsiteY24" fmla="*/ 8921 h 9505"/>
              <a:gd name="connsiteX25" fmla="*/ 1145 w 10000"/>
              <a:gd name="connsiteY25" fmla="*/ 8439 h 9505"/>
              <a:gd name="connsiteX26" fmla="*/ 1167 w 10000"/>
              <a:gd name="connsiteY26" fmla="*/ 8061 h 9505"/>
              <a:gd name="connsiteX27" fmla="*/ 1246 w 10000"/>
              <a:gd name="connsiteY27" fmla="*/ 7600 h 9505"/>
              <a:gd name="connsiteX28" fmla="*/ 1173 w 10000"/>
              <a:gd name="connsiteY28" fmla="*/ 7178 h 9505"/>
              <a:gd name="connsiteX29" fmla="*/ 1051 w 10000"/>
              <a:gd name="connsiteY29" fmla="*/ 6758 h 9505"/>
              <a:gd name="connsiteX30" fmla="*/ 1062 w 10000"/>
              <a:gd name="connsiteY30" fmla="*/ 6382 h 9505"/>
              <a:gd name="connsiteX31" fmla="*/ 1062 w 10000"/>
              <a:gd name="connsiteY31" fmla="*/ 6277 h 9505"/>
              <a:gd name="connsiteX32" fmla="*/ 838 w 10000"/>
              <a:gd name="connsiteY32" fmla="*/ 5455 h 9505"/>
              <a:gd name="connsiteX33" fmla="*/ 696 w 10000"/>
              <a:gd name="connsiteY33" fmla="*/ 4471 h 9505"/>
              <a:gd name="connsiteX34" fmla="*/ 543 w 10000"/>
              <a:gd name="connsiteY34" fmla="*/ 3858 h 9505"/>
              <a:gd name="connsiteX35" fmla="*/ 521 w 10000"/>
              <a:gd name="connsiteY35" fmla="*/ 3389 h 9505"/>
              <a:gd name="connsiteX36" fmla="*/ 0 w 10000"/>
              <a:gd name="connsiteY36" fmla="*/ 2563 h 9505"/>
              <a:gd name="connsiteX37" fmla="*/ 477 w 10000"/>
              <a:gd name="connsiteY37" fmla="*/ 1977 h 9505"/>
              <a:gd name="connsiteX38" fmla="*/ 477 w 10000"/>
              <a:gd name="connsiteY38" fmla="*/ 1713 h 9505"/>
              <a:gd name="connsiteX39" fmla="*/ 477 w 10000"/>
              <a:gd name="connsiteY39" fmla="*/ 915 h 9505"/>
              <a:gd name="connsiteX40" fmla="*/ 715 w 10000"/>
              <a:gd name="connsiteY40" fmla="*/ 127 h 9505"/>
              <a:gd name="connsiteX41" fmla="*/ 4777 w 10000"/>
              <a:gd name="connsiteY41" fmla="*/ 162 h 9505"/>
              <a:gd name="connsiteX42" fmla="*/ 8448 w 10000"/>
              <a:gd name="connsiteY42" fmla="*/ 0 h 9505"/>
              <a:gd name="connsiteX0" fmla="*/ 8448 w 10000"/>
              <a:gd name="connsiteY0" fmla="*/ 0 h 10000"/>
              <a:gd name="connsiteX1" fmla="*/ 8570 w 10000"/>
              <a:gd name="connsiteY1" fmla="*/ 395 h 10000"/>
              <a:gd name="connsiteX2" fmla="*/ 8682 w 10000"/>
              <a:gd name="connsiteY2" fmla="*/ 963 h 10000"/>
              <a:gd name="connsiteX3" fmla="*/ 8631 w 10000"/>
              <a:gd name="connsiteY3" fmla="*/ 1285 h 10000"/>
              <a:gd name="connsiteX4" fmla="*/ 8426 w 10000"/>
              <a:gd name="connsiteY4" fmla="*/ 2023 h 10000"/>
              <a:gd name="connsiteX5" fmla="*/ 8537 w 10000"/>
              <a:gd name="connsiteY5" fmla="*/ 2303 h 10000"/>
              <a:gd name="connsiteX6" fmla="*/ 8572 w 10000"/>
              <a:gd name="connsiteY6" fmla="*/ 2641 h 10000"/>
              <a:gd name="connsiteX7" fmla="*/ 8976 w 10000"/>
              <a:gd name="connsiteY7" fmla="*/ 3197 h 10000"/>
              <a:gd name="connsiteX8" fmla="*/ 9458 w 10000"/>
              <a:gd name="connsiteY8" fmla="*/ 3546 h 10000"/>
              <a:gd name="connsiteX9" fmla="*/ 9561 w 10000"/>
              <a:gd name="connsiteY9" fmla="*/ 4203 h 10000"/>
              <a:gd name="connsiteX10" fmla="*/ 9743 w 10000"/>
              <a:gd name="connsiteY10" fmla="*/ 4592 h 10000"/>
              <a:gd name="connsiteX11" fmla="*/ 9890 w 10000"/>
              <a:gd name="connsiteY11" fmla="*/ 4873 h 10000"/>
              <a:gd name="connsiteX12" fmla="*/ 10000 w 10000"/>
              <a:gd name="connsiteY12" fmla="*/ 5710 h 10000"/>
              <a:gd name="connsiteX13" fmla="*/ 9781 w 10000"/>
              <a:gd name="connsiteY13" fmla="*/ 6210 h 10000"/>
              <a:gd name="connsiteX14" fmla="*/ 9670 w 10000"/>
              <a:gd name="connsiteY14" fmla="*/ 6491 h 10000"/>
              <a:gd name="connsiteX15" fmla="*/ 9670 w 10000"/>
              <a:gd name="connsiteY15" fmla="*/ 6993 h 10000"/>
              <a:gd name="connsiteX16" fmla="*/ 9354 w 10000"/>
              <a:gd name="connsiteY16" fmla="*/ 7377 h 10000"/>
              <a:gd name="connsiteX17" fmla="*/ 8902 w 10000"/>
              <a:gd name="connsiteY17" fmla="*/ 7216 h 10000"/>
              <a:gd name="connsiteX18" fmla="*/ 8667 w 10000"/>
              <a:gd name="connsiteY18" fmla="*/ 7255 h 10000"/>
              <a:gd name="connsiteX19" fmla="*/ 8813 w 10000"/>
              <a:gd name="connsiteY19" fmla="*/ 8321 h 10000"/>
              <a:gd name="connsiteX20" fmla="*/ 8218 w 10000"/>
              <a:gd name="connsiteY20" fmla="*/ 9441 h 10000"/>
              <a:gd name="connsiteX21" fmla="*/ 7965 w 10000"/>
              <a:gd name="connsiteY21" fmla="*/ 9894 h 10000"/>
              <a:gd name="connsiteX22" fmla="*/ 7496 w 10000"/>
              <a:gd name="connsiteY22" fmla="*/ 10000 h 10000"/>
              <a:gd name="connsiteX23" fmla="*/ 3102 w 10000"/>
              <a:gd name="connsiteY23" fmla="*/ 9906 h 10000"/>
              <a:gd name="connsiteX24" fmla="*/ 1223 w 10000"/>
              <a:gd name="connsiteY24" fmla="*/ 9801 h 10000"/>
              <a:gd name="connsiteX25" fmla="*/ 1120 w 10000"/>
              <a:gd name="connsiteY25" fmla="*/ 9386 h 10000"/>
              <a:gd name="connsiteX26" fmla="*/ 1145 w 10000"/>
              <a:gd name="connsiteY26" fmla="*/ 8878 h 10000"/>
              <a:gd name="connsiteX27" fmla="*/ 1167 w 10000"/>
              <a:gd name="connsiteY27" fmla="*/ 8481 h 10000"/>
              <a:gd name="connsiteX28" fmla="*/ 1246 w 10000"/>
              <a:gd name="connsiteY28" fmla="*/ 7996 h 10000"/>
              <a:gd name="connsiteX29" fmla="*/ 1173 w 10000"/>
              <a:gd name="connsiteY29" fmla="*/ 7552 h 10000"/>
              <a:gd name="connsiteX30" fmla="*/ 1051 w 10000"/>
              <a:gd name="connsiteY30" fmla="*/ 7110 h 10000"/>
              <a:gd name="connsiteX31" fmla="*/ 1062 w 10000"/>
              <a:gd name="connsiteY31" fmla="*/ 6714 h 10000"/>
              <a:gd name="connsiteX32" fmla="*/ 1062 w 10000"/>
              <a:gd name="connsiteY32" fmla="*/ 6604 h 10000"/>
              <a:gd name="connsiteX33" fmla="*/ 838 w 10000"/>
              <a:gd name="connsiteY33" fmla="*/ 5739 h 10000"/>
              <a:gd name="connsiteX34" fmla="*/ 696 w 10000"/>
              <a:gd name="connsiteY34" fmla="*/ 4704 h 10000"/>
              <a:gd name="connsiteX35" fmla="*/ 543 w 10000"/>
              <a:gd name="connsiteY35" fmla="*/ 4059 h 10000"/>
              <a:gd name="connsiteX36" fmla="*/ 521 w 10000"/>
              <a:gd name="connsiteY36" fmla="*/ 3565 h 10000"/>
              <a:gd name="connsiteX37" fmla="*/ 0 w 10000"/>
              <a:gd name="connsiteY37" fmla="*/ 2696 h 10000"/>
              <a:gd name="connsiteX38" fmla="*/ 477 w 10000"/>
              <a:gd name="connsiteY38" fmla="*/ 2080 h 10000"/>
              <a:gd name="connsiteX39" fmla="*/ 477 w 10000"/>
              <a:gd name="connsiteY39" fmla="*/ 1802 h 10000"/>
              <a:gd name="connsiteX40" fmla="*/ 477 w 10000"/>
              <a:gd name="connsiteY40" fmla="*/ 963 h 10000"/>
              <a:gd name="connsiteX41" fmla="*/ 715 w 10000"/>
              <a:gd name="connsiteY41" fmla="*/ 134 h 10000"/>
              <a:gd name="connsiteX42" fmla="*/ 4777 w 10000"/>
              <a:gd name="connsiteY42" fmla="*/ 170 h 10000"/>
              <a:gd name="connsiteX43" fmla="*/ 8448 w 10000"/>
              <a:gd name="connsiteY43" fmla="*/ 0 h 10000"/>
              <a:gd name="connsiteX0" fmla="*/ 8448 w 10000"/>
              <a:gd name="connsiteY0" fmla="*/ 0 h 10603"/>
              <a:gd name="connsiteX1" fmla="*/ 8570 w 10000"/>
              <a:gd name="connsiteY1" fmla="*/ 395 h 10603"/>
              <a:gd name="connsiteX2" fmla="*/ 8682 w 10000"/>
              <a:gd name="connsiteY2" fmla="*/ 963 h 10603"/>
              <a:gd name="connsiteX3" fmla="*/ 8631 w 10000"/>
              <a:gd name="connsiteY3" fmla="*/ 1285 h 10603"/>
              <a:gd name="connsiteX4" fmla="*/ 8426 w 10000"/>
              <a:gd name="connsiteY4" fmla="*/ 2023 h 10603"/>
              <a:gd name="connsiteX5" fmla="*/ 8537 w 10000"/>
              <a:gd name="connsiteY5" fmla="*/ 2303 h 10603"/>
              <a:gd name="connsiteX6" fmla="*/ 8572 w 10000"/>
              <a:gd name="connsiteY6" fmla="*/ 2641 h 10603"/>
              <a:gd name="connsiteX7" fmla="*/ 8976 w 10000"/>
              <a:gd name="connsiteY7" fmla="*/ 3197 h 10603"/>
              <a:gd name="connsiteX8" fmla="*/ 9458 w 10000"/>
              <a:gd name="connsiteY8" fmla="*/ 3546 h 10603"/>
              <a:gd name="connsiteX9" fmla="*/ 9561 w 10000"/>
              <a:gd name="connsiteY9" fmla="*/ 4203 h 10603"/>
              <a:gd name="connsiteX10" fmla="*/ 9743 w 10000"/>
              <a:gd name="connsiteY10" fmla="*/ 4592 h 10603"/>
              <a:gd name="connsiteX11" fmla="*/ 9890 w 10000"/>
              <a:gd name="connsiteY11" fmla="*/ 4873 h 10603"/>
              <a:gd name="connsiteX12" fmla="*/ 10000 w 10000"/>
              <a:gd name="connsiteY12" fmla="*/ 5710 h 10603"/>
              <a:gd name="connsiteX13" fmla="*/ 9781 w 10000"/>
              <a:gd name="connsiteY13" fmla="*/ 6210 h 10603"/>
              <a:gd name="connsiteX14" fmla="*/ 9670 w 10000"/>
              <a:gd name="connsiteY14" fmla="*/ 6491 h 10603"/>
              <a:gd name="connsiteX15" fmla="*/ 9670 w 10000"/>
              <a:gd name="connsiteY15" fmla="*/ 6993 h 10603"/>
              <a:gd name="connsiteX16" fmla="*/ 9354 w 10000"/>
              <a:gd name="connsiteY16" fmla="*/ 7377 h 10603"/>
              <a:gd name="connsiteX17" fmla="*/ 8902 w 10000"/>
              <a:gd name="connsiteY17" fmla="*/ 7216 h 10603"/>
              <a:gd name="connsiteX18" fmla="*/ 8667 w 10000"/>
              <a:gd name="connsiteY18" fmla="*/ 7255 h 10603"/>
              <a:gd name="connsiteX19" fmla="*/ 8813 w 10000"/>
              <a:gd name="connsiteY19" fmla="*/ 8321 h 10603"/>
              <a:gd name="connsiteX20" fmla="*/ 8218 w 10000"/>
              <a:gd name="connsiteY20" fmla="*/ 9441 h 10603"/>
              <a:gd name="connsiteX21" fmla="*/ 8143 w 10000"/>
              <a:gd name="connsiteY21" fmla="*/ 10595 h 10603"/>
              <a:gd name="connsiteX22" fmla="*/ 7496 w 10000"/>
              <a:gd name="connsiteY22" fmla="*/ 10000 h 10603"/>
              <a:gd name="connsiteX23" fmla="*/ 3102 w 10000"/>
              <a:gd name="connsiteY23" fmla="*/ 9906 h 10603"/>
              <a:gd name="connsiteX24" fmla="*/ 1223 w 10000"/>
              <a:gd name="connsiteY24" fmla="*/ 9801 h 10603"/>
              <a:gd name="connsiteX25" fmla="*/ 1120 w 10000"/>
              <a:gd name="connsiteY25" fmla="*/ 9386 h 10603"/>
              <a:gd name="connsiteX26" fmla="*/ 1145 w 10000"/>
              <a:gd name="connsiteY26" fmla="*/ 8878 h 10603"/>
              <a:gd name="connsiteX27" fmla="*/ 1167 w 10000"/>
              <a:gd name="connsiteY27" fmla="*/ 8481 h 10603"/>
              <a:gd name="connsiteX28" fmla="*/ 1246 w 10000"/>
              <a:gd name="connsiteY28" fmla="*/ 7996 h 10603"/>
              <a:gd name="connsiteX29" fmla="*/ 1173 w 10000"/>
              <a:gd name="connsiteY29" fmla="*/ 7552 h 10603"/>
              <a:gd name="connsiteX30" fmla="*/ 1051 w 10000"/>
              <a:gd name="connsiteY30" fmla="*/ 7110 h 10603"/>
              <a:gd name="connsiteX31" fmla="*/ 1062 w 10000"/>
              <a:gd name="connsiteY31" fmla="*/ 6714 h 10603"/>
              <a:gd name="connsiteX32" fmla="*/ 1062 w 10000"/>
              <a:gd name="connsiteY32" fmla="*/ 6604 h 10603"/>
              <a:gd name="connsiteX33" fmla="*/ 838 w 10000"/>
              <a:gd name="connsiteY33" fmla="*/ 5739 h 10603"/>
              <a:gd name="connsiteX34" fmla="*/ 696 w 10000"/>
              <a:gd name="connsiteY34" fmla="*/ 4704 h 10603"/>
              <a:gd name="connsiteX35" fmla="*/ 543 w 10000"/>
              <a:gd name="connsiteY35" fmla="*/ 4059 h 10603"/>
              <a:gd name="connsiteX36" fmla="*/ 521 w 10000"/>
              <a:gd name="connsiteY36" fmla="*/ 3565 h 10603"/>
              <a:gd name="connsiteX37" fmla="*/ 0 w 10000"/>
              <a:gd name="connsiteY37" fmla="*/ 2696 h 10603"/>
              <a:gd name="connsiteX38" fmla="*/ 477 w 10000"/>
              <a:gd name="connsiteY38" fmla="*/ 2080 h 10603"/>
              <a:gd name="connsiteX39" fmla="*/ 477 w 10000"/>
              <a:gd name="connsiteY39" fmla="*/ 1802 h 10603"/>
              <a:gd name="connsiteX40" fmla="*/ 477 w 10000"/>
              <a:gd name="connsiteY40" fmla="*/ 963 h 10603"/>
              <a:gd name="connsiteX41" fmla="*/ 715 w 10000"/>
              <a:gd name="connsiteY41" fmla="*/ 134 h 10603"/>
              <a:gd name="connsiteX42" fmla="*/ 4777 w 10000"/>
              <a:gd name="connsiteY42" fmla="*/ 170 h 10603"/>
              <a:gd name="connsiteX43" fmla="*/ 8448 w 10000"/>
              <a:gd name="connsiteY43" fmla="*/ 0 h 10603"/>
              <a:gd name="connsiteX0" fmla="*/ 8448 w 10000"/>
              <a:gd name="connsiteY0" fmla="*/ 0 h 10603"/>
              <a:gd name="connsiteX1" fmla="*/ 8570 w 10000"/>
              <a:gd name="connsiteY1" fmla="*/ 395 h 10603"/>
              <a:gd name="connsiteX2" fmla="*/ 8682 w 10000"/>
              <a:gd name="connsiteY2" fmla="*/ 963 h 10603"/>
              <a:gd name="connsiteX3" fmla="*/ 8631 w 10000"/>
              <a:gd name="connsiteY3" fmla="*/ 1285 h 10603"/>
              <a:gd name="connsiteX4" fmla="*/ 8426 w 10000"/>
              <a:gd name="connsiteY4" fmla="*/ 2023 h 10603"/>
              <a:gd name="connsiteX5" fmla="*/ 8537 w 10000"/>
              <a:gd name="connsiteY5" fmla="*/ 2303 h 10603"/>
              <a:gd name="connsiteX6" fmla="*/ 8572 w 10000"/>
              <a:gd name="connsiteY6" fmla="*/ 2641 h 10603"/>
              <a:gd name="connsiteX7" fmla="*/ 8976 w 10000"/>
              <a:gd name="connsiteY7" fmla="*/ 3197 h 10603"/>
              <a:gd name="connsiteX8" fmla="*/ 9458 w 10000"/>
              <a:gd name="connsiteY8" fmla="*/ 3546 h 10603"/>
              <a:gd name="connsiteX9" fmla="*/ 9561 w 10000"/>
              <a:gd name="connsiteY9" fmla="*/ 4203 h 10603"/>
              <a:gd name="connsiteX10" fmla="*/ 9743 w 10000"/>
              <a:gd name="connsiteY10" fmla="*/ 4592 h 10603"/>
              <a:gd name="connsiteX11" fmla="*/ 9890 w 10000"/>
              <a:gd name="connsiteY11" fmla="*/ 4873 h 10603"/>
              <a:gd name="connsiteX12" fmla="*/ 10000 w 10000"/>
              <a:gd name="connsiteY12" fmla="*/ 5710 h 10603"/>
              <a:gd name="connsiteX13" fmla="*/ 9781 w 10000"/>
              <a:gd name="connsiteY13" fmla="*/ 6210 h 10603"/>
              <a:gd name="connsiteX14" fmla="*/ 9670 w 10000"/>
              <a:gd name="connsiteY14" fmla="*/ 6491 h 10603"/>
              <a:gd name="connsiteX15" fmla="*/ 9670 w 10000"/>
              <a:gd name="connsiteY15" fmla="*/ 6993 h 10603"/>
              <a:gd name="connsiteX16" fmla="*/ 9354 w 10000"/>
              <a:gd name="connsiteY16" fmla="*/ 7377 h 10603"/>
              <a:gd name="connsiteX17" fmla="*/ 8902 w 10000"/>
              <a:gd name="connsiteY17" fmla="*/ 7216 h 10603"/>
              <a:gd name="connsiteX18" fmla="*/ 8667 w 10000"/>
              <a:gd name="connsiteY18" fmla="*/ 7255 h 10603"/>
              <a:gd name="connsiteX19" fmla="*/ 8813 w 10000"/>
              <a:gd name="connsiteY19" fmla="*/ 8321 h 10603"/>
              <a:gd name="connsiteX20" fmla="*/ 8218 w 10000"/>
              <a:gd name="connsiteY20" fmla="*/ 9441 h 10603"/>
              <a:gd name="connsiteX21" fmla="*/ 8143 w 10000"/>
              <a:gd name="connsiteY21" fmla="*/ 10595 h 10603"/>
              <a:gd name="connsiteX22" fmla="*/ 7496 w 10000"/>
              <a:gd name="connsiteY22" fmla="*/ 10000 h 10603"/>
              <a:gd name="connsiteX23" fmla="*/ 3102 w 10000"/>
              <a:gd name="connsiteY23" fmla="*/ 9906 h 10603"/>
              <a:gd name="connsiteX24" fmla="*/ 1223 w 10000"/>
              <a:gd name="connsiteY24" fmla="*/ 9801 h 10603"/>
              <a:gd name="connsiteX25" fmla="*/ 1120 w 10000"/>
              <a:gd name="connsiteY25" fmla="*/ 9386 h 10603"/>
              <a:gd name="connsiteX26" fmla="*/ 1145 w 10000"/>
              <a:gd name="connsiteY26" fmla="*/ 8878 h 10603"/>
              <a:gd name="connsiteX27" fmla="*/ 1167 w 10000"/>
              <a:gd name="connsiteY27" fmla="*/ 8481 h 10603"/>
              <a:gd name="connsiteX28" fmla="*/ 1246 w 10000"/>
              <a:gd name="connsiteY28" fmla="*/ 7996 h 10603"/>
              <a:gd name="connsiteX29" fmla="*/ 1173 w 10000"/>
              <a:gd name="connsiteY29" fmla="*/ 7552 h 10603"/>
              <a:gd name="connsiteX30" fmla="*/ 1051 w 10000"/>
              <a:gd name="connsiteY30" fmla="*/ 7110 h 10603"/>
              <a:gd name="connsiteX31" fmla="*/ 1062 w 10000"/>
              <a:gd name="connsiteY31" fmla="*/ 6714 h 10603"/>
              <a:gd name="connsiteX32" fmla="*/ 1062 w 10000"/>
              <a:gd name="connsiteY32" fmla="*/ 6604 h 10603"/>
              <a:gd name="connsiteX33" fmla="*/ 838 w 10000"/>
              <a:gd name="connsiteY33" fmla="*/ 5739 h 10603"/>
              <a:gd name="connsiteX34" fmla="*/ 696 w 10000"/>
              <a:gd name="connsiteY34" fmla="*/ 4704 h 10603"/>
              <a:gd name="connsiteX35" fmla="*/ 543 w 10000"/>
              <a:gd name="connsiteY35" fmla="*/ 4059 h 10603"/>
              <a:gd name="connsiteX36" fmla="*/ 521 w 10000"/>
              <a:gd name="connsiteY36" fmla="*/ 3565 h 10603"/>
              <a:gd name="connsiteX37" fmla="*/ 0 w 10000"/>
              <a:gd name="connsiteY37" fmla="*/ 2696 h 10603"/>
              <a:gd name="connsiteX38" fmla="*/ 477 w 10000"/>
              <a:gd name="connsiteY38" fmla="*/ 2080 h 10603"/>
              <a:gd name="connsiteX39" fmla="*/ 477 w 10000"/>
              <a:gd name="connsiteY39" fmla="*/ 1802 h 10603"/>
              <a:gd name="connsiteX40" fmla="*/ 477 w 10000"/>
              <a:gd name="connsiteY40" fmla="*/ 963 h 10603"/>
              <a:gd name="connsiteX41" fmla="*/ 715 w 10000"/>
              <a:gd name="connsiteY41" fmla="*/ 134 h 10603"/>
              <a:gd name="connsiteX42" fmla="*/ 4777 w 10000"/>
              <a:gd name="connsiteY42" fmla="*/ 170 h 10603"/>
              <a:gd name="connsiteX43" fmla="*/ 8448 w 10000"/>
              <a:gd name="connsiteY43" fmla="*/ 0 h 10603"/>
              <a:gd name="connsiteX0" fmla="*/ 8448 w 10000"/>
              <a:gd name="connsiteY0" fmla="*/ 0 h 10614"/>
              <a:gd name="connsiteX1" fmla="*/ 8570 w 10000"/>
              <a:gd name="connsiteY1" fmla="*/ 395 h 10614"/>
              <a:gd name="connsiteX2" fmla="*/ 8682 w 10000"/>
              <a:gd name="connsiteY2" fmla="*/ 963 h 10614"/>
              <a:gd name="connsiteX3" fmla="*/ 8631 w 10000"/>
              <a:gd name="connsiteY3" fmla="*/ 1285 h 10614"/>
              <a:gd name="connsiteX4" fmla="*/ 8426 w 10000"/>
              <a:gd name="connsiteY4" fmla="*/ 2023 h 10614"/>
              <a:gd name="connsiteX5" fmla="*/ 8537 w 10000"/>
              <a:gd name="connsiteY5" fmla="*/ 2303 h 10614"/>
              <a:gd name="connsiteX6" fmla="*/ 8572 w 10000"/>
              <a:gd name="connsiteY6" fmla="*/ 2641 h 10614"/>
              <a:gd name="connsiteX7" fmla="*/ 8976 w 10000"/>
              <a:gd name="connsiteY7" fmla="*/ 3197 h 10614"/>
              <a:gd name="connsiteX8" fmla="*/ 9458 w 10000"/>
              <a:gd name="connsiteY8" fmla="*/ 3546 h 10614"/>
              <a:gd name="connsiteX9" fmla="*/ 9561 w 10000"/>
              <a:gd name="connsiteY9" fmla="*/ 4203 h 10614"/>
              <a:gd name="connsiteX10" fmla="*/ 9743 w 10000"/>
              <a:gd name="connsiteY10" fmla="*/ 4592 h 10614"/>
              <a:gd name="connsiteX11" fmla="*/ 9890 w 10000"/>
              <a:gd name="connsiteY11" fmla="*/ 4873 h 10614"/>
              <a:gd name="connsiteX12" fmla="*/ 10000 w 10000"/>
              <a:gd name="connsiteY12" fmla="*/ 5710 h 10614"/>
              <a:gd name="connsiteX13" fmla="*/ 9781 w 10000"/>
              <a:gd name="connsiteY13" fmla="*/ 6210 h 10614"/>
              <a:gd name="connsiteX14" fmla="*/ 9670 w 10000"/>
              <a:gd name="connsiteY14" fmla="*/ 6491 h 10614"/>
              <a:gd name="connsiteX15" fmla="*/ 9670 w 10000"/>
              <a:gd name="connsiteY15" fmla="*/ 6993 h 10614"/>
              <a:gd name="connsiteX16" fmla="*/ 9354 w 10000"/>
              <a:gd name="connsiteY16" fmla="*/ 7377 h 10614"/>
              <a:gd name="connsiteX17" fmla="*/ 8902 w 10000"/>
              <a:gd name="connsiteY17" fmla="*/ 7216 h 10614"/>
              <a:gd name="connsiteX18" fmla="*/ 8667 w 10000"/>
              <a:gd name="connsiteY18" fmla="*/ 7255 h 10614"/>
              <a:gd name="connsiteX19" fmla="*/ 8813 w 10000"/>
              <a:gd name="connsiteY19" fmla="*/ 8321 h 10614"/>
              <a:gd name="connsiteX20" fmla="*/ 8218 w 10000"/>
              <a:gd name="connsiteY20" fmla="*/ 9441 h 10614"/>
              <a:gd name="connsiteX21" fmla="*/ 8143 w 10000"/>
              <a:gd name="connsiteY21" fmla="*/ 10595 h 10614"/>
              <a:gd name="connsiteX22" fmla="*/ 7496 w 10000"/>
              <a:gd name="connsiteY22" fmla="*/ 10000 h 10614"/>
              <a:gd name="connsiteX23" fmla="*/ 3102 w 10000"/>
              <a:gd name="connsiteY23" fmla="*/ 9906 h 10614"/>
              <a:gd name="connsiteX24" fmla="*/ 1223 w 10000"/>
              <a:gd name="connsiteY24" fmla="*/ 9801 h 10614"/>
              <a:gd name="connsiteX25" fmla="*/ 1120 w 10000"/>
              <a:gd name="connsiteY25" fmla="*/ 9386 h 10614"/>
              <a:gd name="connsiteX26" fmla="*/ 1145 w 10000"/>
              <a:gd name="connsiteY26" fmla="*/ 8878 h 10614"/>
              <a:gd name="connsiteX27" fmla="*/ 1167 w 10000"/>
              <a:gd name="connsiteY27" fmla="*/ 8481 h 10614"/>
              <a:gd name="connsiteX28" fmla="*/ 1246 w 10000"/>
              <a:gd name="connsiteY28" fmla="*/ 7996 h 10614"/>
              <a:gd name="connsiteX29" fmla="*/ 1173 w 10000"/>
              <a:gd name="connsiteY29" fmla="*/ 7552 h 10614"/>
              <a:gd name="connsiteX30" fmla="*/ 1051 w 10000"/>
              <a:gd name="connsiteY30" fmla="*/ 7110 h 10614"/>
              <a:gd name="connsiteX31" fmla="*/ 1062 w 10000"/>
              <a:gd name="connsiteY31" fmla="*/ 6714 h 10614"/>
              <a:gd name="connsiteX32" fmla="*/ 1062 w 10000"/>
              <a:gd name="connsiteY32" fmla="*/ 6604 h 10614"/>
              <a:gd name="connsiteX33" fmla="*/ 838 w 10000"/>
              <a:gd name="connsiteY33" fmla="*/ 5739 h 10614"/>
              <a:gd name="connsiteX34" fmla="*/ 696 w 10000"/>
              <a:gd name="connsiteY34" fmla="*/ 4704 h 10614"/>
              <a:gd name="connsiteX35" fmla="*/ 543 w 10000"/>
              <a:gd name="connsiteY35" fmla="*/ 4059 h 10614"/>
              <a:gd name="connsiteX36" fmla="*/ 521 w 10000"/>
              <a:gd name="connsiteY36" fmla="*/ 3565 h 10614"/>
              <a:gd name="connsiteX37" fmla="*/ 0 w 10000"/>
              <a:gd name="connsiteY37" fmla="*/ 2696 h 10614"/>
              <a:gd name="connsiteX38" fmla="*/ 477 w 10000"/>
              <a:gd name="connsiteY38" fmla="*/ 2080 h 10614"/>
              <a:gd name="connsiteX39" fmla="*/ 477 w 10000"/>
              <a:gd name="connsiteY39" fmla="*/ 1802 h 10614"/>
              <a:gd name="connsiteX40" fmla="*/ 477 w 10000"/>
              <a:gd name="connsiteY40" fmla="*/ 963 h 10614"/>
              <a:gd name="connsiteX41" fmla="*/ 715 w 10000"/>
              <a:gd name="connsiteY41" fmla="*/ 134 h 10614"/>
              <a:gd name="connsiteX42" fmla="*/ 4777 w 10000"/>
              <a:gd name="connsiteY42" fmla="*/ 170 h 10614"/>
              <a:gd name="connsiteX43" fmla="*/ 8448 w 10000"/>
              <a:gd name="connsiteY43" fmla="*/ 0 h 10614"/>
              <a:gd name="connsiteX0" fmla="*/ 8448 w 10000"/>
              <a:gd name="connsiteY0" fmla="*/ 0 h 10614"/>
              <a:gd name="connsiteX1" fmla="*/ 8570 w 10000"/>
              <a:gd name="connsiteY1" fmla="*/ 395 h 10614"/>
              <a:gd name="connsiteX2" fmla="*/ 8682 w 10000"/>
              <a:gd name="connsiteY2" fmla="*/ 963 h 10614"/>
              <a:gd name="connsiteX3" fmla="*/ 8631 w 10000"/>
              <a:gd name="connsiteY3" fmla="*/ 1285 h 10614"/>
              <a:gd name="connsiteX4" fmla="*/ 8426 w 10000"/>
              <a:gd name="connsiteY4" fmla="*/ 2023 h 10614"/>
              <a:gd name="connsiteX5" fmla="*/ 8537 w 10000"/>
              <a:gd name="connsiteY5" fmla="*/ 2303 h 10614"/>
              <a:gd name="connsiteX6" fmla="*/ 8572 w 10000"/>
              <a:gd name="connsiteY6" fmla="*/ 2641 h 10614"/>
              <a:gd name="connsiteX7" fmla="*/ 8976 w 10000"/>
              <a:gd name="connsiteY7" fmla="*/ 3197 h 10614"/>
              <a:gd name="connsiteX8" fmla="*/ 9458 w 10000"/>
              <a:gd name="connsiteY8" fmla="*/ 3546 h 10614"/>
              <a:gd name="connsiteX9" fmla="*/ 9561 w 10000"/>
              <a:gd name="connsiteY9" fmla="*/ 4203 h 10614"/>
              <a:gd name="connsiteX10" fmla="*/ 9743 w 10000"/>
              <a:gd name="connsiteY10" fmla="*/ 4592 h 10614"/>
              <a:gd name="connsiteX11" fmla="*/ 9890 w 10000"/>
              <a:gd name="connsiteY11" fmla="*/ 4873 h 10614"/>
              <a:gd name="connsiteX12" fmla="*/ 10000 w 10000"/>
              <a:gd name="connsiteY12" fmla="*/ 5710 h 10614"/>
              <a:gd name="connsiteX13" fmla="*/ 9781 w 10000"/>
              <a:gd name="connsiteY13" fmla="*/ 6210 h 10614"/>
              <a:gd name="connsiteX14" fmla="*/ 9670 w 10000"/>
              <a:gd name="connsiteY14" fmla="*/ 6491 h 10614"/>
              <a:gd name="connsiteX15" fmla="*/ 9670 w 10000"/>
              <a:gd name="connsiteY15" fmla="*/ 6993 h 10614"/>
              <a:gd name="connsiteX16" fmla="*/ 9354 w 10000"/>
              <a:gd name="connsiteY16" fmla="*/ 7377 h 10614"/>
              <a:gd name="connsiteX17" fmla="*/ 8902 w 10000"/>
              <a:gd name="connsiteY17" fmla="*/ 7216 h 10614"/>
              <a:gd name="connsiteX18" fmla="*/ 8667 w 10000"/>
              <a:gd name="connsiteY18" fmla="*/ 7255 h 10614"/>
              <a:gd name="connsiteX19" fmla="*/ 8813 w 10000"/>
              <a:gd name="connsiteY19" fmla="*/ 8321 h 10614"/>
              <a:gd name="connsiteX20" fmla="*/ 8218 w 10000"/>
              <a:gd name="connsiteY20" fmla="*/ 9441 h 10614"/>
              <a:gd name="connsiteX21" fmla="*/ 8143 w 10000"/>
              <a:gd name="connsiteY21" fmla="*/ 10595 h 10614"/>
              <a:gd name="connsiteX22" fmla="*/ 7496 w 10000"/>
              <a:gd name="connsiteY22" fmla="*/ 10000 h 10614"/>
              <a:gd name="connsiteX23" fmla="*/ 3102 w 10000"/>
              <a:gd name="connsiteY23" fmla="*/ 9906 h 10614"/>
              <a:gd name="connsiteX24" fmla="*/ 1223 w 10000"/>
              <a:gd name="connsiteY24" fmla="*/ 9801 h 10614"/>
              <a:gd name="connsiteX25" fmla="*/ 1120 w 10000"/>
              <a:gd name="connsiteY25" fmla="*/ 9386 h 10614"/>
              <a:gd name="connsiteX26" fmla="*/ 1145 w 10000"/>
              <a:gd name="connsiteY26" fmla="*/ 8878 h 10614"/>
              <a:gd name="connsiteX27" fmla="*/ 1167 w 10000"/>
              <a:gd name="connsiteY27" fmla="*/ 8481 h 10614"/>
              <a:gd name="connsiteX28" fmla="*/ 1246 w 10000"/>
              <a:gd name="connsiteY28" fmla="*/ 7996 h 10614"/>
              <a:gd name="connsiteX29" fmla="*/ 1173 w 10000"/>
              <a:gd name="connsiteY29" fmla="*/ 7552 h 10614"/>
              <a:gd name="connsiteX30" fmla="*/ 1051 w 10000"/>
              <a:gd name="connsiteY30" fmla="*/ 7110 h 10614"/>
              <a:gd name="connsiteX31" fmla="*/ 1062 w 10000"/>
              <a:gd name="connsiteY31" fmla="*/ 6714 h 10614"/>
              <a:gd name="connsiteX32" fmla="*/ 1062 w 10000"/>
              <a:gd name="connsiteY32" fmla="*/ 6604 h 10614"/>
              <a:gd name="connsiteX33" fmla="*/ 838 w 10000"/>
              <a:gd name="connsiteY33" fmla="*/ 5739 h 10614"/>
              <a:gd name="connsiteX34" fmla="*/ 696 w 10000"/>
              <a:gd name="connsiteY34" fmla="*/ 4704 h 10614"/>
              <a:gd name="connsiteX35" fmla="*/ 543 w 10000"/>
              <a:gd name="connsiteY35" fmla="*/ 4059 h 10614"/>
              <a:gd name="connsiteX36" fmla="*/ 521 w 10000"/>
              <a:gd name="connsiteY36" fmla="*/ 3565 h 10614"/>
              <a:gd name="connsiteX37" fmla="*/ 0 w 10000"/>
              <a:gd name="connsiteY37" fmla="*/ 2696 h 10614"/>
              <a:gd name="connsiteX38" fmla="*/ 477 w 10000"/>
              <a:gd name="connsiteY38" fmla="*/ 2080 h 10614"/>
              <a:gd name="connsiteX39" fmla="*/ 477 w 10000"/>
              <a:gd name="connsiteY39" fmla="*/ 1802 h 10614"/>
              <a:gd name="connsiteX40" fmla="*/ 477 w 10000"/>
              <a:gd name="connsiteY40" fmla="*/ 963 h 10614"/>
              <a:gd name="connsiteX41" fmla="*/ 715 w 10000"/>
              <a:gd name="connsiteY41" fmla="*/ 134 h 10614"/>
              <a:gd name="connsiteX42" fmla="*/ 4777 w 10000"/>
              <a:gd name="connsiteY42" fmla="*/ 170 h 10614"/>
              <a:gd name="connsiteX43" fmla="*/ 8448 w 10000"/>
              <a:gd name="connsiteY43" fmla="*/ 0 h 10614"/>
              <a:gd name="connsiteX0" fmla="*/ 8448 w 10000"/>
              <a:gd name="connsiteY0" fmla="*/ 0 h 10614"/>
              <a:gd name="connsiteX1" fmla="*/ 8570 w 10000"/>
              <a:gd name="connsiteY1" fmla="*/ 395 h 10614"/>
              <a:gd name="connsiteX2" fmla="*/ 8682 w 10000"/>
              <a:gd name="connsiteY2" fmla="*/ 963 h 10614"/>
              <a:gd name="connsiteX3" fmla="*/ 8631 w 10000"/>
              <a:gd name="connsiteY3" fmla="*/ 1285 h 10614"/>
              <a:gd name="connsiteX4" fmla="*/ 8426 w 10000"/>
              <a:gd name="connsiteY4" fmla="*/ 2023 h 10614"/>
              <a:gd name="connsiteX5" fmla="*/ 8537 w 10000"/>
              <a:gd name="connsiteY5" fmla="*/ 2303 h 10614"/>
              <a:gd name="connsiteX6" fmla="*/ 8572 w 10000"/>
              <a:gd name="connsiteY6" fmla="*/ 2641 h 10614"/>
              <a:gd name="connsiteX7" fmla="*/ 8976 w 10000"/>
              <a:gd name="connsiteY7" fmla="*/ 3197 h 10614"/>
              <a:gd name="connsiteX8" fmla="*/ 9458 w 10000"/>
              <a:gd name="connsiteY8" fmla="*/ 3546 h 10614"/>
              <a:gd name="connsiteX9" fmla="*/ 9561 w 10000"/>
              <a:gd name="connsiteY9" fmla="*/ 4203 h 10614"/>
              <a:gd name="connsiteX10" fmla="*/ 9743 w 10000"/>
              <a:gd name="connsiteY10" fmla="*/ 4592 h 10614"/>
              <a:gd name="connsiteX11" fmla="*/ 9890 w 10000"/>
              <a:gd name="connsiteY11" fmla="*/ 4873 h 10614"/>
              <a:gd name="connsiteX12" fmla="*/ 10000 w 10000"/>
              <a:gd name="connsiteY12" fmla="*/ 5710 h 10614"/>
              <a:gd name="connsiteX13" fmla="*/ 9781 w 10000"/>
              <a:gd name="connsiteY13" fmla="*/ 6210 h 10614"/>
              <a:gd name="connsiteX14" fmla="*/ 9670 w 10000"/>
              <a:gd name="connsiteY14" fmla="*/ 6491 h 10614"/>
              <a:gd name="connsiteX15" fmla="*/ 9670 w 10000"/>
              <a:gd name="connsiteY15" fmla="*/ 6993 h 10614"/>
              <a:gd name="connsiteX16" fmla="*/ 9354 w 10000"/>
              <a:gd name="connsiteY16" fmla="*/ 7377 h 10614"/>
              <a:gd name="connsiteX17" fmla="*/ 8902 w 10000"/>
              <a:gd name="connsiteY17" fmla="*/ 7216 h 10614"/>
              <a:gd name="connsiteX18" fmla="*/ 8667 w 10000"/>
              <a:gd name="connsiteY18" fmla="*/ 7255 h 10614"/>
              <a:gd name="connsiteX19" fmla="*/ 8813 w 10000"/>
              <a:gd name="connsiteY19" fmla="*/ 8321 h 10614"/>
              <a:gd name="connsiteX20" fmla="*/ 8218 w 10000"/>
              <a:gd name="connsiteY20" fmla="*/ 9441 h 10614"/>
              <a:gd name="connsiteX21" fmla="*/ 8143 w 10000"/>
              <a:gd name="connsiteY21" fmla="*/ 10595 h 10614"/>
              <a:gd name="connsiteX22" fmla="*/ 7496 w 10000"/>
              <a:gd name="connsiteY22" fmla="*/ 10000 h 10614"/>
              <a:gd name="connsiteX23" fmla="*/ 3102 w 10000"/>
              <a:gd name="connsiteY23" fmla="*/ 9906 h 10614"/>
              <a:gd name="connsiteX24" fmla="*/ 1223 w 10000"/>
              <a:gd name="connsiteY24" fmla="*/ 9801 h 10614"/>
              <a:gd name="connsiteX25" fmla="*/ 1120 w 10000"/>
              <a:gd name="connsiteY25" fmla="*/ 9386 h 10614"/>
              <a:gd name="connsiteX26" fmla="*/ 1145 w 10000"/>
              <a:gd name="connsiteY26" fmla="*/ 8878 h 10614"/>
              <a:gd name="connsiteX27" fmla="*/ 1167 w 10000"/>
              <a:gd name="connsiteY27" fmla="*/ 8481 h 10614"/>
              <a:gd name="connsiteX28" fmla="*/ 1246 w 10000"/>
              <a:gd name="connsiteY28" fmla="*/ 7996 h 10614"/>
              <a:gd name="connsiteX29" fmla="*/ 1173 w 10000"/>
              <a:gd name="connsiteY29" fmla="*/ 7552 h 10614"/>
              <a:gd name="connsiteX30" fmla="*/ 1051 w 10000"/>
              <a:gd name="connsiteY30" fmla="*/ 7110 h 10614"/>
              <a:gd name="connsiteX31" fmla="*/ 1062 w 10000"/>
              <a:gd name="connsiteY31" fmla="*/ 6714 h 10614"/>
              <a:gd name="connsiteX32" fmla="*/ 1062 w 10000"/>
              <a:gd name="connsiteY32" fmla="*/ 6604 h 10614"/>
              <a:gd name="connsiteX33" fmla="*/ 838 w 10000"/>
              <a:gd name="connsiteY33" fmla="*/ 5739 h 10614"/>
              <a:gd name="connsiteX34" fmla="*/ 696 w 10000"/>
              <a:gd name="connsiteY34" fmla="*/ 4704 h 10614"/>
              <a:gd name="connsiteX35" fmla="*/ 543 w 10000"/>
              <a:gd name="connsiteY35" fmla="*/ 4059 h 10614"/>
              <a:gd name="connsiteX36" fmla="*/ 521 w 10000"/>
              <a:gd name="connsiteY36" fmla="*/ 3565 h 10614"/>
              <a:gd name="connsiteX37" fmla="*/ 0 w 10000"/>
              <a:gd name="connsiteY37" fmla="*/ 2696 h 10614"/>
              <a:gd name="connsiteX38" fmla="*/ 477 w 10000"/>
              <a:gd name="connsiteY38" fmla="*/ 2080 h 10614"/>
              <a:gd name="connsiteX39" fmla="*/ 477 w 10000"/>
              <a:gd name="connsiteY39" fmla="*/ 1802 h 10614"/>
              <a:gd name="connsiteX40" fmla="*/ 477 w 10000"/>
              <a:gd name="connsiteY40" fmla="*/ 963 h 10614"/>
              <a:gd name="connsiteX41" fmla="*/ 715 w 10000"/>
              <a:gd name="connsiteY41" fmla="*/ 134 h 10614"/>
              <a:gd name="connsiteX42" fmla="*/ 4777 w 10000"/>
              <a:gd name="connsiteY42" fmla="*/ 170 h 10614"/>
              <a:gd name="connsiteX43" fmla="*/ 8448 w 10000"/>
              <a:gd name="connsiteY43" fmla="*/ 0 h 10614"/>
              <a:gd name="connsiteX0" fmla="*/ 8448 w 10179"/>
              <a:gd name="connsiteY0" fmla="*/ 0 h 10614"/>
              <a:gd name="connsiteX1" fmla="*/ 8570 w 10179"/>
              <a:gd name="connsiteY1" fmla="*/ 395 h 10614"/>
              <a:gd name="connsiteX2" fmla="*/ 8682 w 10179"/>
              <a:gd name="connsiteY2" fmla="*/ 963 h 10614"/>
              <a:gd name="connsiteX3" fmla="*/ 8631 w 10179"/>
              <a:gd name="connsiteY3" fmla="*/ 1285 h 10614"/>
              <a:gd name="connsiteX4" fmla="*/ 8426 w 10179"/>
              <a:gd name="connsiteY4" fmla="*/ 2023 h 10614"/>
              <a:gd name="connsiteX5" fmla="*/ 8537 w 10179"/>
              <a:gd name="connsiteY5" fmla="*/ 2303 h 10614"/>
              <a:gd name="connsiteX6" fmla="*/ 8572 w 10179"/>
              <a:gd name="connsiteY6" fmla="*/ 2641 h 10614"/>
              <a:gd name="connsiteX7" fmla="*/ 8976 w 10179"/>
              <a:gd name="connsiteY7" fmla="*/ 3197 h 10614"/>
              <a:gd name="connsiteX8" fmla="*/ 9458 w 10179"/>
              <a:gd name="connsiteY8" fmla="*/ 3546 h 10614"/>
              <a:gd name="connsiteX9" fmla="*/ 9561 w 10179"/>
              <a:gd name="connsiteY9" fmla="*/ 4203 h 10614"/>
              <a:gd name="connsiteX10" fmla="*/ 9743 w 10179"/>
              <a:gd name="connsiteY10" fmla="*/ 4592 h 10614"/>
              <a:gd name="connsiteX11" fmla="*/ 9890 w 10179"/>
              <a:gd name="connsiteY11" fmla="*/ 4873 h 10614"/>
              <a:gd name="connsiteX12" fmla="*/ 10179 w 10179"/>
              <a:gd name="connsiteY12" fmla="*/ 5747 h 10614"/>
              <a:gd name="connsiteX13" fmla="*/ 9781 w 10179"/>
              <a:gd name="connsiteY13" fmla="*/ 6210 h 10614"/>
              <a:gd name="connsiteX14" fmla="*/ 9670 w 10179"/>
              <a:gd name="connsiteY14" fmla="*/ 6491 h 10614"/>
              <a:gd name="connsiteX15" fmla="*/ 9670 w 10179"/>
              <a:gd name="connsiteY15" fmla="*/ 6993 h 10614"/>
              <a:gd name="connsiteX16" fmla="*/ 9354 w 10179"/>
              <a:gd name="connsiteY16" fmla="*/ 7377 h 10614"/>
              <a:gd name="connsiteX17" fmla="*/ 8902 w 10179"/>
              <a:gd name="connsiteY17" fmla="*/ 7216 h 10614"/>
              <a:gd name="connsiteX18" fmla="*/ 8667 w 10179"/>
              <a:gd name="connsiteY18" fmla="*/ 7255 h 10614"/>
              <a:gd name="connsiteX19" fmla="*/ 8813 w 10179"/>
              <a:gd name="connsiteY19" fmla="*/ 8321 h 10614"/>
              <a:gd name="connsiteX20" fmla="*/ 8218 w 10179"/>
              <a:gd name="connsiteY20" fmla="*/ 9441 h 10614"/>
              <a:gd name="connsiteX21" fmla="*/ 8143 w 10179"/>
              <a:gd name="connsiteY21" fmla="*/ 10595 h 10614"/>
              <a:gd name="connsiteX22" fmla="*/ 7496 w 10179"/>
              <a:gd name="connsiteY22" fmla="*/ 10000 h 10614"/>
              <a:gd name="connsiteX23" fmla="*/ 3102 w 10179"/>
              <a:gd name="connsiteY23" fmla="*/ 9906 h 10614"/>
              <a:gd name="connsiteX24" fmla="*/ 1223 w 10179"/>
              <a:gd name="connsiteY24" fmla="*/ 9801 h 10614"/>
              <a:gd name="connsiteX25" fmla="*/ 1120 w 10179"/>
              <a:gd name="connsiteY25" fmla="*/ 9386 h 10614"/>
              <a:gd name="connsiteX26" fmla="*/ 1145 w 10179"/>
              <a:gd name="connsiteY26" fmla="*/ 8878 h 10614"/>
              <a:gd name="connsiteX27" fmla="*/ 1167 w 10179"/>
              <a:gd name="connsiteY27" fmla="*/ 8481 h 10614"/>
              <a:gd name="connsiteX28" fmla="*/ 1246 w 10179"/>
              <a:gd name="connsiteY28" fmla="*/ 7996 h 10614"/>
              <a:gd name="connsiteX29" fmla="*/ 1173 w 10179"/>
              <a:gd name="connsiteY29" fmla="*/ 7552 h 10614"/>
              <a:gd name="connsiteX30" fmla="*/ 1051 w 10179"/>
              <a:gd name="connsiteY30" fmla="*/ 7110 h 10614"/>
              <a:gd name="connsiteX31" fmla="*/ 1062 w 10179"/>
              <a:gd name="connsiteY31" fmla="*/ 6714 h 10614"/>
              <a:gd name="connsiteX32" fmla="*/ 1062 w 10179"/>
              <a:gd name="connsiteY32" fmla="*/ 6604 h 10614"/>
              <a:gd name="connsiteX33" fmla="*/ 838 w 10179"/>
              <a:gd name="connsiteY33" fmla="*/ 5739 h 10614"/>
              <a:gd name="connsiteX34" fmla="*/ 696 w 10179"/>
              <a:gd name="connsiteY34" fmla="*/ 4704 h 10614"/>
              <a:gd name="connsiteX35" fmla="*/ 543 w 10179"/>
              <a:gd name="connsiteY35" fmla="*/ 4059 h 10614"/>
              <a:gd name="connsiteX36" fmla="*/ 521 w 10179"/>
              <a:gd name="connsiteY36" fmla="*/ 3565 h 10614"/>
              <a:gd name="connsiteX37" fmla="*/ 0 w 10179"/>
              <a:gd name="connsiteY37" fmla="*/ 2696 h 10614"/>
              <a:gd name="connsiteX38" fmla="*/ 477 w 10179"/>
              <a:gd name="connsiteY38" fmla="*/ 2080 h 10614"/>
              <a:gd name="connsiteX39" fmla="*/ 477 w 10179"/>
              <a:gd name="connsiteY39" fmla="*/ 1802 h 10614"/>
              <a:gd name="connsiteX40" fmla="*/ 477 w 10179"/>
              <a:gd name="connsiteY40" fmla="*/ 963 h 10614"/>
              <a:gd name="connsiteX41" fmla="*/ 715 w 10179"/>
              <a:gd name="connsiteY41" fmla="*/ 134 h 10614"/>
              <a:gd name="connsiteX42" fmla="*/ 4777 w 10179"/>
              <a:gd name="connsiteY42" fmla="*/ 170 h 10614"/>
              <a:gd name="connsiteX43" fmla="*/ 8448 w 10179"/>
              <a:gd name="connsiteY43" fmla="*/ 0 h 10614"/>
              <a:gd name="connsiteX0" fmla="*/ 8448 w 10179"/>
              <a:gd name="connsiteY0" fmla="*/ 0 h 10614"/>
              <a:gd name="connsiteX1" fmla="*/ 8570 w 10179"/>
              <a:gd name="connsiteY1" fmla="*/ 395 h 10614"/>
              <a:gd name="connsiteX2" fmla="*/ 8682 w 10179"/>
              <a:gd name="connsiteY2" fmla="*/ 963 h 10614"/>
              <a:gd name="connsiteX3" fmla="*/ 8631 w 10179"/>
              <a:gd name="connsiteY3" fmla="*/ 1285 h 10614"/>
              <a:gd name="connsiteX4" fmla="*/ 8426 w 10179"/>
              <a:gd name="connsiteY4" fmla="*/ 2023 h 10614"/>
              <a:gd name="connsiteX5" fmla="*/ 8537 w 10179"/>
              <a:gd name="connsiteY5" fmla="*/ 2303 h 10614"/>
              <a:gd name="connsiteX6" fmla="*/ 8572 w 10179"/>
              <a:gd name="connsiteY6" fmla="*/ 2641 h 10614"/>
              <a:gd name="connsiteX7" fmla="*/ 8976 w 10179"/>
              <a:gd name="connsiteY7" fmla="*/ 3197 h 10614"/>
              <a:gd name="connsiteX8" fmla="*/ 9458 w 10179"/>
              <a:gd name="connsiteY8" fmla="*/ 3546 h 10614"/>
              <a:gd name="connsiteX9" fmla="*/ 9561 w 10179"/>
              <a:gd name="connsiteY9" fmla="*/ 4203 h 10614"/>
              <a:gd name="connsiteX10" fmla="*/ 9743 w 10179"/>
              <a:gd name="connsiteY10" fmla="*/ 4592 h 10614"/>
              <a:gd name="connsiteX11" fmla="*/ 9890 w 10179"/>
              <a:gd name="connsiteY11" fmla="*/ 4873 h 10614"/>
              <a:gd name="connsiteX12" fmla="*/ 10179 w 10179"/>
              <a:gd name="connsiteY12" fmla="*/ 5747 h 10614"/>
              <a:gd name="connsiteX13" fmla="*/ 9924 w 10179"/>
              <a:gd name="connsiteY13" fmla="*/ 6364 h 10614"/>
              <a:gd name="connsiteX14" fmla="*/ 9670 w 10179"/>
              <a:gd name="connsiteY14" fmla="*/ 6491 h 10614"/>
              <a:gd name="connsiteX15" fmla="*/ 9670 w 10179"/>
              <a:gd name="connsiteY15" fmla="*/ 6993 h 10614"/>
              <a:gd name="connsiteX16" fmla="*/ 9354 w 10179"/>
              <a:gd name="connsiteY16" fmla="*/ 7377 h 10614"/>
              <a:gd name="connsiteX17" fmla="*/ 8902 w 10179"/>
              <a:gd name="connsiteY17" fmla="*/ 7216 h 10614"/>
              <a:gd name="connsiteX18" fmla="*/ 8667 w 10179"/>
              <a:gd name="connsiteY18" fmla="*/ 7255 h 10614"/>
              <a:gd name="connsiteX19" fmla="*/ 8813 w 10179"/>
              <a:gd name="connsiteY19" fmla="*/ 8321 h 10614"/>
              <a:gd name="connsiteX20" fmla="*/ 8218 w 10179"/>
              <a:gd name="connsiteY20" fmla="*/ 9441 h 10614"/>
              <a:gd name="connsiteX21" fmla="*/ 8143 w 10179"/>
              <a:gd name="connsiteY21" fmla="*/ 10595 h 10614"/>
              <a:gd name="connsiteX22" fmla="*/ 7496 w 10179"/>
              <a:gd name="connsiteY22" fmla="*/ 10000 h 10614"/>
              <a:gd name="connsiteX23" fmla="*/ 3102 w 10179"/>
              <a:gd name="connsiteY23" fmla="*/ 9906 h 10614"/>
              <a:gd name="connsiteX24" fmla="*/ 1223 w 10179"/>
              <a:gd name="connsiteY24" fmla="*/ 9801 h 10614"/>
              <a:gd name="connsiteX25" fmla="*/ 1120 w 10179"/>
              <a:gd name="connsiteY25" fmla="*/ 9386 h 10614"/>
              <a:gd name="connsiteX26" fmla="*/ 1145 w 10179"/>
              <a:gd name="connsiteY26" fmla="*/ 8878 h 10614"/>
              <a:gd name="connsiteX27" fmla="*/ 1167 w 10179"/>
              <a:gd name="connsiteY27" fmla="*/ 8481 h 10614"/>
              <a:gd name="connsiteX28" fmla="*/ 1246 w 10179"/>
              <a:gd name="connsiteY28" fmla="*/ 7996 h 10614"/>
              <a:gd name="connsiteX29" fmla="*/ 1173 w 10179"/>
              <a:gd name="connsiteY29" fmla="*/ 7552 h 10614"/>
              <a:gd name="connsiteX30" fmla="*/ 1051 w 10179"/>
              <a:gd name="connsiteY30" fmla="*/ 7110 h 10614"/>
              <a:gd name="connsiteX31" fmla="*/ 1062 w 10179"/>
              <a:gd name="connsiteY31" fmla="*/ 6714 h 10614"/>
              <a:gd name="connsiteX32" fmla="*/ 1062 w 10179"/>
              <a:gd name="connsiteY32" fmla="*/ 6604 h 10614"/>
              <a:gd name="connsiteX33" fmla="*/ 838 w 10179"/>
              <a:gd name="connsiteY33" fmla="*/ 5739 h 10614"/>
              <a:gd name="connsiteX34" fmla="*/ 696 w 10179"/>
              <a:gd name="connsiteY34" fmla="*/ 4704 h 10614"/>
              <a:gd name="connsiteX35" fmla="*/ 543 w 10179"/>
              <a:gd name="connsiteY35" fmla="*/ 4059 h 10614"/>
              <a:gd name="connsiteX36" fmla="*/ 521 w 10179"/>
              <a:gd name="connsiteY36" fmla="*/ 3565 h 10614"/>
              <a:gd name="connsiteX37" fmla="*/ 0 w 10179"/>
              <a:gd name="connsiteY37" fmla="*/ 2696 h 10614"/>
              <a:gd name="connsiteX38" fmla="*/ 477 w 10179"/>
              <a:gd name="connsiteY38" fmla="*/ 2080 h 10614"/>
              <a:gd name="connsiteX39" fmla="*/ 477 w 10179"/>
              <a:gd name="connsiteY39" fmla="*/ 1802 h 10614"/>
              <a:gd name="connsiteX40" fmla="*/ 477 w 10179"/>
              <a:gd name="connsiteY40" fmla="*/ 963 h 10614"/>
              <a:gd name="connsiteX41" fmla="*/ 715 w 10179"/>
              <a:gd name="connsiteY41" fmla="*/ 134 h 10614"/>
              <a:gd name="connsiteX42" fmla="*/ 4777 w 10179"/>
              <a:gd name="connsiteY42" fmla="*/ 170 h 10614"/>
              <a:gd name="connsiteX43" fmla="*/ 8448 w 10179"/>
              <a:gd name="connsiteY43" fmla="*/ 0 h 10614"/>
              <a:gd name="connsiteX0" fmla="*/ 8448 w 10179"/>
              <a:gd name="connsiteY0" fmla="*/ 0 h 10614"/>
              <a:gd name="connsiteX1" fmla="*/ 8570 w 10179"/>
              <a:gd name="connsiteY1" fmla="*/ 395 h 10614"/>
              <a:gd name="connsiteX2" fmla="*/ 8682 w 10179"/>
              <a:gd name="connsiteY2" fmla="*/ 963 h 10614"/>
              <a:gd name="connsiteX3" fmla="*/ 8631 w 10179"/>
              <a:gd name="connsiteY3" fmla="*/ 1285 h 10614"/>
              <a:gd name="connsiteX4" fmla="*/ 8426 w 10179"/>
              <a:gd name="connsiteY4" fmla="*/ 2023 h 10614"/>
              <a:gd name="connsiteX5" fmla="*/ 8537 w 10179"/>
              <a:gd name="connsiteY5" fmla="*/ 2303 h 10614"/>
              <a:gd name="connsiteX6" fmla="*/ 8572 w 10179"/>
              <a:gd name="connsiteY6" fmla="*/ 2641 h 10614"/>
              <a:gd name="connsiteX7" fmla="*/ 8976 w 10179"/>
              <a:gd name="connsiteY7" fmla="*/ 3197 h 10614"/>
              <a:gd name="connsiteX8" fmla="*/ 9458 w 10179"/>
              <a:gd name="connsiteY8" fmla="*/ 3546 h 10614"/>
              <a:gd name="connsiteX9" fmla="*/ 9561 w 10179"/>
              <a:gd name="connsiteY9" fmla="*/ 4203 h 10614"/>
              <a:gd name="connsiteX10" fmla="*/ 9743 w 10179"/>
              <a:gd name="connsiteY10" fmla="*/ 4592 h 10614"/>
              <a:gd name="connsiteX11" fmla="*/ 9890 w 10179"/>
              <a:gd name="connsiteY11" fmla="*/ 4873 h 10614"/>
              <a:gd name="connsiteX12" fmla="*/ 10179 w 10179"/>
              <a:gd name="connsiteY12" fmla="*/ 5747 h 10614"/>
              <a:gd name="connsiteX13" fmla="*/ 9924 w 10179"/>
              <a:gd name="connsiteY13" fmla="*/ 6364 h 10614"/>
              <a:gd name="connsiteX14" fmla="*/ 9670 w 10179"/>
              <a:gd name="connsiteY14" fmla="*/ 6993 h 10614"/>
              <a:gd name="connsiteX15" fmla="*/ 9354 w 10179"/>
              <a:gd name="connsiteY15" fmla="*/ 7377 h 10614"/>
              <a:gd name="connsiteX16" fmla="*/ 8902 w 10179"/>
              <a:gd name="connsiteY16" fmla="*/ 7216 h 10614"/>
              <a:gd name="connsiteX17" fmla="*/ 8667 w 10179"/>
              <a:gd name="connsiteY17" fmla="*/ 7255 h 10614"/>
              <a:gd name="connsiteX18" fmla="*/ 8813 w 10179"/>
              <a:gd name="connsiteY18" fmla="*/ 8321 h 10614"/>
              <a:gd name="connsiteX19" fmla="*/ 8218 w 10179"/>
              <a:gd name="connsiteY19" fmla="*/ 9441 h 10614"/>
              <a:gd name="connsiteX20" fmla="*/ 8143 w 10179"/>
              <a:gd name="connsiteY20" fmla="*/ 10595 h 10614"/>
              <a:gd name="connsiteX21" fmla="*/ 7496 w 10179"/>
              <a:gd name="connsiteY21" fmla="*/ 10000 h 10614"/>
              <a:gd name="connsiteX22" fmla="*/ 3102 w 10179"/>
              <a:gd name="connsiteY22" fmla="*/ 9906 h 10614"/>
              <a:gd name="connsiteX23" fmla="*/ 1223 w 10179"/>
              <a:gd name="connsiteY23" fmla="*/ 9801 h 10614"/>
              <a:gd name="connsiteX24" fmla="*/ 1120 w 10179"/>
              <a:gd name="connsiteY24" fmla="*/ 9386 h 10614"/>
              <a:gd name="connsiteX25" fmla="*/ 1145 w 10179"/>
              <a:gd name="connsiteY25" fmla="*/ 8878 h 10614"/>
              <a:gd name="connsiteX26" fmla="*/ 1167 w 10179"/>
              <a:gd name="connsiteY26" fmla="*/ 8481 h 10614"/>
              <a:gd name="connsiteX27" fmla="*/ 1246 w 10179"/>
              <a:gd name="connsiteY27" fmla="*/ 7996 h 10614"/>
              <a:gd name="connsiteX28" fmla="*/ 1173 w 10179"/>
              <a:gd name="connsiteY28" fmla="*/ 7552 h 10614"/>
              <a:gd name="connsiteX29" fmla="*/ 1051 w 10179"/>
              <a:gd name="connsiteY29" fmla="*/ 7110 h 10614"/>
              <a:gd name="connsiteX30" fmla="*/ 1062 w 10179"/>
              <a:gd name="connsiteY30" fmla="*/ 6714 h 10614"/>
              <a:gd name="connsiteX31" fmla="*/ 1062 w 10179"/>
              <a:gd name="connsiteY31" fmla="*/ 6604 h 10614"/>
              <a:gd name="connsiteX32" fmla="*/ 838 w 10179"/>
              <a:gd name="connsiteY32" fmla="*/ 5739 h 10614"/>
              <a:gd name="connsiteX33" fmla="*/ 696 w 10179"/>
              <a:gd name="connsiteY33" fmla="*/ 4704 h 10614"/>
              <a:gd name="connsiteX34" fmla="*/ 543 w 10179"/>
              <a:gd name="connsiteY34" fmla="*/ 4059 h 10614"/>
              <a:gd name="connsiteX35" fmla="*/ 521 w 10179"/>
              <a:gd name="connsiteY35" fmla="*/ 3565 h 10614"/>
              <a:gd name="connsiteX36" fmla="*/ 0 w 10179"/>
              <a:gd name="connsiteY36" fmla="*/ 2696 h 10614"/>
              <a:gd name="connsiteX37" fmla="*/ 477 w 10179"/>
              <a:gd name="connsiteY37" fmla="*/ 2080 h 10614"/>
              <a:gd name="connsiteX38" fmla="*/ 477 w 10179"/>
              <a:gd name="connsiteY38" fmla="*/ 1802 h 10614"/>
              <a:gd name="connsiteX39" fmla="*/ 477 w 10179"/>
              <a:gd name="connsiteY39" fmla="*/ 963 h 10614"/>
              <a:gd name="connsiteX40" fmla="*/ 715 w 10179"/>
              <a:gd name="connsiteY40" fmla="*/ 134 h 10614"/>
              <a:gd name="connsiteX41" fmla="*/ 4777 w 10179"/>
              <a:gd name="connsiteY41" fmla="*/ 170 h 10614"/>
              <a:gd name="connsiteX42" fmla="*/ 8448 w 10179"/>
              <a:gd name="connsiteY42" fmla="*/ 0 h 106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</a:cxnLst>
            <a:rect l="l" t="t" r="r" b="b"/>
            <a:pathLst>
              <a:path w="10179" h="10614">
                <a:moveTo>
                  <a:pt x="8448" y="0"/>
                </a:moveTo>
                <a:cubicBezTo>
                  <a:pt x="8416" y="173"/>
                  <a:pt x="8602" y="222"/>
                  <a:pt x="8570" y="395"/>
                </a:cubicBezTo>
                <a:cubicBezTo>
                  <a:pt x="8607" y="584"/>
                  <a:pt x="8645" y="773"/>
                  <a:pt x="8682" y="963"/>
                </a:cubicBezTo>
                <a:cubicBezTo>
                  <a:pt x="8665" y="1069"/>
                  <a:pt x="8648" y="1178"/>
                  <a:pt x="8631" y="1285"/>
                </a:cubicBezTo>
                <a:cubicBezTo>
                  <a:pt x="8563" y="1531"/>
                  <a:pt x="8494" y="1778"/>
                  <a:pt x="8426" y="2023"/>
                </a:cubicBezTo>
                <a:lnTo>
                  <a:pt x="8537" y="2303"/>
                </a:lnTo>
                <a:cubicBezTo>
                  <a:pt x="8549" y="2415"/>
                  <a:pt x="8560" y="2527"/>
                  <a:pt x="8572" y="2641"/>
                </a:cubicBezTo>
                <a:lnTo>
                  <a:pt x="8976" y="3197"/>
                </a:lnTo>
                <a:lnTo>
                  <a:pt x="9458" y="3546"/>
                </a:lnTo>
                <a:cubicBezTo>
                  <a:pt x="9492" y="3764"/>
                  <a:pt x="9527" y="3984"/>
                  <a:pt x="9561" y="4203"/>
                </a:cubicBezTo>
                <a:cubicBezTo>
                  <a:pt x="9622" y="4332"/>
                  <a:pt x="9682" y="4463"/>
                  <a:pt x="9743" y="4592"/>
                </a:cubicBezTo>
                <a:lnTo>
                  <a:pt x="9890" y="4873"/>
                </a:lnTo>
                <a:cubicBezTo>
                  <a:pt x="9927" y="5151"/>
                  <a:pt x="10142" y="5467"/>
                  <a:pt x="10179" y="5747"/>
                </a:cubicBezTo>
                <a:lnTo>
                  <a:pt x="9924" y="6364"/>
                </a:lnTo>
                <a:lnTo>
                  <a:pt x="9670" y="6993"/>
                </a:lnTo>
                <a:cubicBezTo>
                  <a:pt x="9670" y="6993"/>
                  <a:pt x="9499" y="7211"/>
                  <a:pt x="9354" y="7377"/>
                </a:cubicBezTo>
                <a:cubicBezTo>
                  <a:pt x="9206" y="7544"/>
                  <a:pt x="9017" y="7236"/>
                  <a:pt x="8902" y="7216"/>
                </a:cubicBezTo>
                <a:cubicBezTo>
                  <a:pt x="8788" y="7196"/>
                  <a:pt x="8682" y="7071"/>
                  <a:pt x="8667" y="7255"/>
                </a:cubicBezTo>
                <a:cubicBezTo>
                  <a:pt x="8652" y="7439"/>
                  <a:pt x="8888" y="7957"/>
                  <a:pt x="8813" y="8321"/>
                </a:cubicBezTo>
                <a:cubicBezTo>
                  <a:pt x="8738" y="8685"/>
                  <a:pt x="8359" y="9179"/>
                  <a:pt x="8218" y="9441"/>
                </a:cubicBezTo>
                <a:cubicBezTo>
                  <a:pt x="8077" y="9703"/>
                  <a:pt x="8263" y="10502"/>
                  <a:pt x="8143" y="10595"/>
                </a:cubicBezTo>
                <a:cubicBezTo>
                  <a:pt x="8023" y="10688"/>
                  <a:pt x="8324" y="10436"/>
                  <a:pt x="7496" y="10000"/>
                </a:cubicBezTo>
                <a:cubicBezTo>
                  <a:pt x="6303" y="9962"/>
                  <a:pt x="4567" y="9937"/>
                  <a:pt x="3102" y="9906"/>
                </a:cubicBezTo>
                <a:cubicBezTo>
                  <a:pt x="2057" y="9874"/>
                  <a:pt x="1553" y="9888"/>
                  <a:pt x="1223" y="9801"/>
                </a:cubicBezTo>
                <a:cubicBezTo>
                  <a:pt x="1189" y="9662"/>
                  <a:pt x="1154" y="9523"/>
                  <a:pt x="1120" y="9386"/>
                </a:cubicBezTo>
                <a:cubicBezTo>
                  <a:pt x="1133" y="9273"/>
                  <a:pt x="1132" y="8991"/>
                  <a:pt x="1145" y="8878"/>
                </a:cubicBezTo>
                <a:cubicBezTo>
                  <a:pt x="1120" y="8711"/>
                  <a:pt x="1192" y="8649"/>
                  <a:pt x="1167" y="8481"/>
                </a:cubicBezTo>
                <a:cubicBezTo>
                  <a:pt x="1118" y="8275"/>
                  <a:pt x="1295" y="8203"/>
                  <a:pt x="1246" y="7996"/>
                </a:cubicBezTo>
                <a:cubicBezTo>
                  <a:pt x="1222" y="7849"/>
                  <a:pt x="1197" y="7699"/>
                  <a:pt x="1173" y="7552"/>
                </a:cubicBezTo>
                <a:cubicBezTo>
                  <a:pt x="1173" y="7552"/>
                  <a:pt x="1197" y="7277"/>
                  <a:pt x="1051" y="7110"/>
                </a:cubicBezTo>
                <a:cubicBezTo>
                  <a:pt x="906" y="6943"/>
                  <a:pt x="1062" y="6714"/>
                  <a:pt x="1062" y="6714"/>
                </a:cubicBezTo>
                <a:lnTo>
                  <a:pt x="1062" y="6604"/>
                </a:lnTo>
                <a:cubicBezTo>
                  <a:pt x="1044" y="6418"/>
                  <a:pt x="899" y="6056"/>
                  <a:pt x="838" y="5739"/>
                </a:cubicBezTo>
                <a:cubicBezTo>
                  <a:pt x="691" y="5349"/>
                  <a:pt x="771" y="4984"/>
                  <a:pt x="696" y="4704"/>
                </a:cubicBezTo>
                <a:cubicBezTo>
                  <a:pt x="623" y="4426"/>
                  <a:pt x="543" y="4059"/>
                  <a:pt x="543" y="4059"/>
                </a:cubicBezTo>
                <a:cubicBezTo>
                  <a:pt x="536" y="3895"/>
                  <a:pt x="528" y="3730"/>
                  <a:pt x="521" y="3565"/>
                </a:cubicBezTo>
                <a:lnTo>
                  <a:pt x="0" y="2696"/>
                </a:lnTo>
                <a:lnTo>
                  <a:pt x="477" y="2080"/>
                </a:lnTo>
                <a:lnTo>
                  <a:pt x="477" y="1802"/>
                </a:lnTo>
                <a:lnTo>
                  <a:pt x="477" y="963"/>
                </a:lnTo>
                <a:cubicBezTo>
                  <a:pt x="495" y="804"/>
                  <a:pt x="697" y="294"/>
                  <a:pt x="715" y="134"/>
                </a:cubicBezTo>
                <a:cubicBezTo>
                  <a:pt x="752" y="-33"/>
                  <a:pt x="4740" y="338"/>
                  <a:pt x="4777" y="170"/>
                </a:cubicBezTo>
                <a:lnTo>
                  <a:pt x="8448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US" dirty="0">
              <a:ea typeface="ＭＳ Ｐゴシック" charset="-128"/>
            </a:endParaRPr>
          </a:p>
        </p:txBody>
      </p:sp>
      <p:sp>
        <p:nvSpPr>
          <p:cNvPr id="16" name="Freeform 15"/>
          <p:cNvSpPr/>
          <p:nvPr userDrawn="1"/>
        </p:nvSpPr>
        <p:spPr>
          <a:xfrm rot="171972">
            <a:off x="1727216" y="1291676"/>
            <a:ext cx="915987" cy="1458913"/>
          </a:xfrm>
          <a:custGeom>
            <a:avLst/>
            <a:gdLst>
              <a:gd name="connsiteX0" fmla="*/ 238328 w 890081"/>
              <a:gd name="connsiteY0" fmla="*/ 0 h 1449421"/>
              <a:gd name="connsiteX1" fmla="*/ 141052 w 890081"/>
              <a:gd name="connsiteY1" fmla="*/ 549613 h 1449421"/>
              <a:gd name="connsiteX2" fmla="*/ 160507 w 890081"/>
              <a:gd name="connsiteY2" fmla="*/ 569068 h 1449421"/>
              <a:gd name="connsiteX3" fmla="*/ 175098 w 890081"/>
              <a:gd name="connsiteY3" fmla="*/ 593387 h 1449421"/>
              <a:gd name="connsiteX4" fmla="*/ 175098 w 890081"/>
              <a:gd name="connsiteY4" fmla="*/ 671208 h 1449421"/>
              <a:gd name="connsiteX5" fmla="*/ 126460 w 890081"/>
              <a:gd name="connsiteY5" fmla="*/ 700391 h 1449421"/>
              <a:gd name="connsiteX6" fmla="*/ 107005 w 890081"/>
              <a:gd name="connsiteY6" fmla="*/ 792804 h 1449421"/>
              <a:gd name="connsiteX7" fmla="*/ 58366 w 890081"/>
              <a:gd name="connsiteY7" fmla="*/ 817123 h 1449421"/>
              <a:gd name="connsiteX8" fmla="*/ 53503 w 890081"/>
              <a:gd name="connsiteY8" fmla="*/ 880353 h 1449421"/>
              <a:gd name="connsiteX9" fmla="*/ 58366 w 890081"/>
              <a:gd name="connsiteY9" fmla="*/ 899808 h 1449421"/>
              <a:gd name="connsiteX10" fmla="*/ 72958 w 890081"/>
              <a:gd name="connsiteY10" fmla="*/ 894944 h 1449421"/>
              <a:gd name="connsiteX11" fmla="*/ 82686 w 890081"/>
              <a:gd name="connsiteY11" fmla="*/ 919264 h 1449421"/>
              <a:gd name="connsiteX12" fmla="*/ 43775 w 890081"/>
              <a:gd name="connsiteY12" fmla="*/ 997085 h 1449421"/>
              <a:gd name="connsiteX13" fmla="*/ 0 w 890081"/>
              <a:gd name="connsiteY13" fmla="*/ 1293779 h 1449421"/>
              <a:gd name="connsiteX14" fmla="*/ 846307 w 890081"/>
              <a:gd name="connsiteY14" fmla="*/ 1449421 h 1449421"/>
              <a:gd name="connsiteX15" fmla="*/ 890081 w 890081"/>
              <a:gd name="connsiteY15" fmla="*/ 967902 h 1449421"/>
              <a:gd name="connsiteX16" fmla="*/ 851171 w 890081"/>
              <a:gd name="connsiteY16" fmla="*/ 933855 h 1449421"/>
              <a:gd name="connsiteX17" fmla="*/ 821988 w 890081"/>
              <a:gd name="connsiteY17" fmla="*/ 963038 h 1449421"/>
              <a:gd name="connsiteX18" fmla="*/ 783077 w 890081"/>
              <a:gd name="connsiteY18" fmla="*/ 972766 h 1449421"/>
              <a:gd name="connsiteX19" fmla="*/ 749030 w 890081"/>
              <a:gd name="connsiteY19" fmla="*/ 953310 h 1449421"/>
              <a:gd name="connsiteX20" fmla="*/ 666345 w 890081"/>
              <a:gd name="connsiteY20" fmla="*/ 967902 h 1449421"/>
              <a:gd name="connsiteX21" fmla="*/ 607979 w 890081"/>
              <a:gd name="connsiteY21" fmla="*/ 914400 h 1449421"/>
              <a:gd name="connsiteX22" fmla="*/ 583660 w 890081"/>
              <a:gd name="connsiteY22" fmla="*/ 890081 h 1449421"/>
              <a:gd name="connsiteX23" fmla="*/ 588524 w 890081"/>
              <a:gd name="connsiteY23" fmla="*/ 841442 h 1449421"/>
              <a:gd name="connsiteX24" fmla="*/ 564205 w 890081"/>
              <a:gd name="connsiteY24" fmla="*/ 792804 h 1449421"/>
              <a:gd name="connsiteX25" fmla="*/ 564205 w 890081"/>
              <a:gd name="connsiteY25" fmla="*/ 763621 h 1449421"/>
              <a:gd name="connsiteX26" fmla="*/ 544749 w 890081"/>
              <a:gd name="connsiteY26" fmla="*/ 700391 h 1449421"/>
              <a:gd name="connsiteX27" fmla="*/ 466928 w 890081"/>
              <a:gd name="connsiteY27" fmla="*/ 705255 h 1449421"/>
              <a:gd name="connsiteX28" fmla="*/ 462064 w 890081"/>
              <a:gd name="connsiteY28" fmla="*/ 661481 h 1449421"/>
              <a:gd name="connsiteX29" fmla="*/ 491247 w 890081"/>
              <a:gd name="connsiteY29" fmla="*/ 646889 h 1449421"/>
              <a:gd name="connsiteX30" fmla="*/ 481520 w 890081"/>
              <a:gd name="connsiteY30" fmla="*/ 588523 h 1449421"/>
              <a:gd name="connsiteX31" fmla="*/ 505839 w 890081"/>
              <a:gd name="connsiteY31" fmla="*/ 510702 h 1449421"/>
              <a:gd name="connsiteX32" fmla="*/ 428018 w 890081"/>
              <a:gd name="connsiteY32" fmla="*/ 432881 h 1449421"/>
              <a:gd name="connsiteX33" fmla="*/ 384243 w 890081"/>
              <a:gd name="connsiteY33" fmla="*/ 364787 h 1449421"/>
              <a:gd name="connsiteX34" fmla="*/ 355060 w 890081"/>
              <a:gd name="connsiteY34" fmla="*/ 325876 h 1449421"/>
              <a:gd name="connsiteX35" fmla="*/ 355060 w 890081"/>
              <a:gd name="connsiteY35" fmla="*/ 218872 h 1449421"/>
              <a:gd name="connsiteX36" fmla="*/ 350196 w 890081"/>
              <a:gd name="connsiteY36" fmla="*/ 179961 h 1449421"/>
              <a:gd name="connsiteX37" fmla="*/ 369652 w 890081"/>
              <a:gd name="connsiteY37" fmla="*/ 102140 h 1449421"/>
              <a:gd name="connsiteX38" fmla="*/ 364788 w 890081"/>
              <a:gd name="connsiteY38" fmla="*/ 34047 h 1449421"/>
              <a:gd name="connsiteX39" fmla="*/ 238328 w 890081"/>
              <a:gd name="connsiteY39" fmla="*/ 0 h 1449421"/>
              <a:gd name="connsiteX0" fmla="*/ 238328 w 915754"/>
              <a:gd name="connsiteY0" fmla="*/ 0 h 1449421"/>
              <a:gd name="connsiteX1" fmla="*/ 141052 w 915754"/>
              <a:gd name="connsiteY1" fmla="*/ 549613 h 1449421"/>
              <a:gd name="connsiteX2" fmla="*/ 160507 w 915754"/>
              <a:gd name="connsiteY2" fmla="*/ 569068 h 1449421"/>
              <a:gd name="connsiteX3" fmla="*/ 175098 w 915754"/>
              <a:gd name="connsiteY3" fmla="*/ 593387 h 1449421"/>
              <a:gd name="connsiteX4" fmla="*/ 175098 w 915754"/>
              <a:gd name="connsiteY4" fmla="*/ 671208 h 1449421"/>
              <a:gd name="connsiteX5" fmla="*/ 126460 w 915754"/>
              <a:gd name="connsiteY5" fmla="*/ 700391 h 1449421"/>
              <a:gd name="connsiteX6" fmla="*/ 107005 w 915754"/>
              <a:gd name="connsiteY6" fmla="*/ 792804 h 1449421"/>
              <a:gd name="connsiteX7" fmla="*/ 58366 w 915754"/>
              <a:gd name="connsiteY7" fmla="*/ 817123 h 1449421"/>
              <a:gd name="connsiteX8" fmla="*/ 53503 w 915754"/>
              <a:gd name="connsiteY8" fmla="*/ 880353 h 1449421"/>
              <a:gd name="connsiteX9" fmla="*/ 58366 w 915754"/>
              <a:gd name="connsiteY9" fmla="*/ 899808 h 1449421"/>
              <a:gd name="connsiteX10" fmla="*/ 72958 w 915754"/>
              <a:gd name="connsiteY10" fmla="*/ 894944 h 1449421"/>
              <a:gd name="connsiteX11" fmla="*/ 82686 w 915754"/>
              <a:gd name="connsiteY11" fmla="*/ 919264 h 1449421"/>
              <a:gd name="connsiteX12" fmla="*/ 43775 w 915754"/>
              <a:gd name="connsiteY12" fmla="*/ 997085 h 1449421"/>
              <a:gd name="connsiteX13" fmla="*/ 0 w 915754"/>
              <a:gd name="connsiteY13" fmla="*/ 1293779 h 1449421"/>
              <a:gd name="connsiteX14" fmla="*/ 846307 w 915754"/>
              <a:gd name="connsiteY14" fmla="*/ 1449421 h 1449421"/>
              <a:gd name="connsiteX15" fmla="*/ 915754 w 915754"/>
              <a:gd name="connsiteY15" fmla="*/ 970305 h 1449421"/>
              <a:gd name="connsiteX16" fmla="*/ 851171 w 915754"/>
              <a:gd name="connsiteY16" fmla="*/ 933855 h 1449421"/>
              <a:gd name="connsiteX17" fmla="*/ 821988 w 915754"/>
              <a:gd name="connsiteY17" fmla="*/ 963038 h 1449421"/>
              <a:gd name="connsiteX18" fmla="*/ 783077 w 915754"/>
              <a:gd name="connsiteY18" fmla="*/ 972766 h 1449421"/>
              <a:gd name="connsiteX19" fmla="*/ 749030 w 915754"/>
              <a:gd name="connsiteY19" fmla="*/ 953310 h 1449421"/>
              <a:gd name="connsiteX20" fmla="*/ 666345 w 915754"/>
              <a:gd name="connsiteY20" fmla="*/ 967902 h 1449421"/>
              <a:gd name="connsiteX21" fmla="*/ 607979 w 915754"/>
              <a:gd name="connsiteY21" fmla="*/ 914400 h 1449421"/>
              <a:gd name="connsiteX22" fmla="*/ 583660 w 915754"/>
              <a:gd name="connsiteY22" fmla="*/ 890081 h 1449421"/>
              <a:gd name="connsiteX23" fmla="*/ 588524 w 915754"/>
              <a:gd name="connsiteY23" fmla="*/ 841442 h 1449421"/>
              <a:gd name="connsiteX24" fmla="*/ 564205 w 915754"/>
              <a:gd name="connsiteY24" fmla="*/ 792804 h 1449421"/>
              <a:gd name="connsiteX25" fmla="*/ 564205 w 915754"/>
              <a:gd name="connsiteY25" fmla="*/ 763621 h 1449421"/>
              <a:gd name="connsiteX26" fmla="*/ 544749 w 915754"/>
              <a:gd name="connsiteY26" fmla="*/ 700391 h 1449421"/>
              <a:gd name="connsiteX27" fmla="*/ 466928 w 915754"/>
              <a:gd name="connsiteY27" fmla="*/ 705255 h 1449421"/>
              <a:gd name="connsiteX28" fmla="*/ 462064 w 915754"/>
              <a:gd name="connsiteY28" fmla="*/ 661481 h 1449421"/>
              <a:gd name="connsiteX29" fmla="*/ 491247 w 915754"/>
              <a:gd name="connsiteY29" fmla="*/ 646889 h 1449421"/>
              <a:gd name="connsiteX30" fmla="*/ 481520 w 915754"/>
              <a:gd name="connsiteY30" fmla="*/ 588523 h 1449421"/>
              <a:gd name="connsiteX31" fmla="*/ 505839 w 915754"/>
              <a:gd name="connsiteY31" fmla="*/ 510702 h 1449421"/>
              <a:gd name="connsiteX32" fmla="*/ 428018 w 915754"/>
              <a:gd name="connsiteY32" fmla="*/ 432881 h 1449421"/>
              <a:gd name="connsiteX33" fmla="*/ 384243 w 915754"/>
              <a:gd name="connsiteY33" fmla="*/ 364787 h 1449421"/>
              <a:gd name="connsiteX34" fmla="*/ 355060 w 915754"/>
              <a:gd name="connsiteY34" fmla="*/ 325876 h 1449421"/>
              <a:gd name="connsiteX35" fmla="*/ 355060 w 915754"/>
              <a:gd name="connsiteY35" fmla="*/ 218872 h 1449421"/>
              <a:gd name="connsiteX36" fmla="*/ 350196 w 915754"/>
              <a:gd name="connsiteY36" fmla="*/ 179961 h 1449421"/>
              <a:gd name="connsiteX37" fmla="*/ 369652 w 915754"/>
              <a:gd name="connsiteY37" fmla="*/ 102140 h 1449421"/>
              <a:gd name="connsiteX38" fmla="*/ 364788 w 915754"/>
              <a:gd name="connsiteY38" fmla="*/ 34047 h 1449421"/>
              <a:gd name="connsiteX39" fmla="*/ 238328 w 915754"/>
              <a:gd name="connsiteY39" fmla="*/ 0 h 1449421"/>
              <a:gd name="connsiteX0" fmla="*/ 238328 w 915754"/>
              <a:gd name="connsiteY0" fmla="*/ 0 h 1449421"/>
              <a:gd name="connsiteX1" fmla="*/ 141052 w 915754"/>
              <a:gd name="connsiteY1" fmla="*/ 549613 h 1449421"/>
              <a:gd name="connsiteX2" fmla="*/ 160507 w 915754"/>
              <a:gd name="connsiteY2" fmla="*/ 569068 h 1449421"/>
              <a:gd name="connsiteX3" fmla="*/ 175098 w 915754"/>
              <a:gd name="connsiteY3" fmla="*/ 593387 h 1449421"/>
              <a:gd name="connsiteX4" fmla="*/ 175098 w 915754"/>
              <a:gd name="connsiteY4" fmla="*/ 671208 h 1449421"/>
              <a:gd name="connsiteX5" fmla="*/ 126460 w 915754"/>
              <a:gd name="connsiteY5" fmla="*/ 700391 h 1449421"/>
              <a:gd name="connsiteX6" fmla="*/ 107005 w 915754"/>
              <a:gd name="connsiteY6" fmla="*/ 792804 h 1449421"/>
              <a:gd name="connsiteX7" fmla="*/ 58366 w 915754"/>
              <a:gd name="connsiteY7" fmla="*/ 817123 h 1449421"/>
              <a:gd name="connsiteX8" fmla="*/ 53503 w 915754"/>
              <a:gd name="connsiteY8" fmla="*/ 880353 h 1449421"/>
              <a:gd name="connsiteX9" fmla="*/ 58366 w 915754"/>
              <a:gd name="connsiteY9" fmla="*/ 899808 h 1449421"/>
              <a:gd name="connsiteX10" fmla="*/ 72958 w 915754"/>
              <a:gd name="connsiteY10" fmla="*/ 894944 h 1449421"/>
              <a:gd name="connsiteX11" fmla="*/ 82686 w 915754"/>
              <a:gd name="connsiteY11" fmla="*/ 919264 h 1449421"/>
              <a:gd name="connsiteX12" fmla="*/ 43775 w 915754"/>
              <a:gd name="connsiteY12" fmla="*/ 997085 h 1449421"/>
              <a:gd name="connsiteX13" fmla="*/ 0 w 915754"/>
              <a:gd name="connsiteY13" fmla="*/ 1293779 h 1449421"/>
              <a:gd name="connsiteX14" fmla="*/ 846307 w 915754"/>
              <a:gd name="connsiteY14" fmla="*/ 1449421 h 1449421"/>
              <a:gd name="connsiteX15" fmla="*/ 915754 w 915754"/>
              <a:gd name="connsiteY15" fmla="*/ 970305 h 1449421"/>
              <a:gd name="connsiteX16" fmla="*/ 875802 w 915754"/>
              <a:gd name="connsiteY16" fmla="*/ 924740 h 1449421"/>
              <a:gd name="connsiteX17" fmla="*/ 851171 w 915754"/>
              <a:gd name="connsiteY17" fmla="*/ 933855 h 1449421"/>
              <a:gd name="connsiteX18" fmla="*/ 821988 w 915754"/>
              <a:gd name="connsiteY18" fmla="*/ 963038 h 1449421"/>
              <a:gd name="connsiteX19" fmla="*/ 783077 w 915754"/>
              <a:gd name="connsiteY19" fmla="*/ 972766 h 1449421"/>
              <a:gd name="connsiteX20" fmla="*/ 749030 w 915754"/>
              <a:gd name="connsiteY20" fmla="*/ 953310 h 1449421"/>
              <a:gd name="connsiteX21" fmla="*/ 666345 w 915754"/>
              <a:gd name="connsiteY21" fmla="*/ 967902 h 1449421"/>
              <a:gd name="connsiteX22" fmla="*/ 607979 w 915754"/>
              <a:gd name="connsiteY22" fmla="*/ 914400 h 1449421"/>
              <a:gd name="connsiteX23" fmla="*/ 583660 w 915754"/>
              <a:gd name="connsiteY23" fmla="*/ 890081 h 1449421"/>
              <a:gd name="connsiteX24" fmla="*/ 588524 w 915754"/>
              <a:gd name="connsiteY24" fmla="*/ 841442 h 1449421"/>
              <a:gd name="connsiteX25" fmla="*/ 564205 w 915754"/>
              <a:gd name="connsiteY25" fmla="*/ 792804 h 1449421"/>
              <a:gd name="connsiteX26" fmla="*/ 564205 w 915754"/>
              <a:gd name="connsiteY26" fmla="*/ 763621 h 1449421"/>
              <a:gd name="connsiteX27" fmla="*/ 544749 w 915754"/>
              <a:gd name="connsiteY27" fmla="*/ 700391 h 1449421"/>
              <a:gd name="connsiteX28" fmla="*/ 466928 w 915754"/>
              <a:gd name="connsiteY28" fmla="*/ 705255 h 1449421"/>
              <a:gd name="connsiteX29" fmla="*/ 462064 w 915754"/>
              <a:gd name="connsiteY29" fmla="*/ 661481 h 1449421"/>
              <a:gd name="connsiteX30" fmla="*/ 491247 w 915754"/>
              <a:gd name="connsiteY30" fmla="*/ 646889 h 1449421"/>
              <a:gd name="connsiteX31" fmla="*/ 481520 w 915754"/>
              <a:gd name="connsiteY31" fmla="*/ 588523 h 1449421"/>
              <a:gd name="connsiteX32" fmla="*/ 505839 w 915754"/>
              <a:gd name="connsiteY32" fmla="*/ 510702 h 1449421"/>
              <a:gd name="connsiteX33" fmla="*/ 428018 w 915754"/>
              <a:gd name="connsiteY33" fmla="*/ 432881 h 1449421"/>
              <a:gd name="connsiteX34" fmla="*/ 384243 w 915754"/>
              <a:gd name="connsiteY34" fmla="*/ 364787 h 1449421"/>
              <a:gd name="connsiteX35" fmla="*/ 355060 w 915754"/>
              <a:gd name="connsiteY35" fmla="*/ 325876 h 1449421"/>
              <a:gd name="connsiteX36" fmla="*/ 355060 w 915754"/>
              <a:gd name="connsiteY36" fmla="*/ 218872 h 1449421"/>
              <a:gd name="connsiteX37" fmla="*/ 350196 w 915754"/>
              <a:gd name="connsiteY37" fmla="*/ 179961 h 1449421"/>
              <a:gd name="connsiteX38" fmla="*/ 369652 w 915754"/>
              <a:gd name="connsiteY38" fmla="*/ 102140 h 1449421"/>
              <a:gd name="connsiteX39" fmla="*/ 364788 w 915754"/>
              <a:gd name="connsiteY39" fmla="*/ 34047 h 1449421"/>
              <a:gd name="connsiteX40" fmla="*/ 238328 w 915754"/>
              <a:gd name="connsiteY40" fmla="*/ 0 h 1449421"/>
              <a:gd name="connsiteX0" fmla="*/ 238328 w 915754"/>
              <a:gd name="connsiteY0" fmla="*/ 0 h 1458979"/>
              <a:gd name="connsiteX1" fmla="*/ 141052 w 915754"/>
              <a:gd name="connsiteY1" fmla="*/ 549613 h 1458979"/>
              <a:gd name="connsiteX2" fmla="*/ 160507 w 915754"/>
              <a:gd name="connsiteY2" fmla="*/ 569068 h 1458979"/>
              <a:gd name="connsiteX3" fmla="*/ 175098 w 915754"/>
              <a:gd name="connsiteY3" fmla="*/ 593387 h 1458979"/>
              <a:gd name="connsiteX4" fmla="*/ 175098 w 915754"/>
              <a:gd name="connsiteY4" fmla="*/ 671208 h 1458979"/>
              <a:gd name="connsiteX5" fmla="*/ 126460 w 915754"/>
              <a:gd name="connsiteY5" fmla="*/ 700391 h 1458979"/>
              <a:gd name="connsiteX6" fmla="*/ 107005 w 915754"/>
              <a:gd name="connsiteY6" fmla="*/ 792804 h 1458979"/>
              <a:gd name="connsiteX7" fmla="*/ 58366 w 915754"/>
              <a:gd name="connsiteY7" fmla="*/ 817123 h 1458979"/>
              <a:gd name="connsiteX8" fmla="*/ 53503 w 915754"/>
              <a:gd name="connsiteY8" fmla="*/ 880353 h 1458979"/>
              <a:gd name="connsiteX9" fmla="*/ 58366 w 915754"/>
              <a:gd name="connsiteY9" fmla="*/ 899808 h 1458979"/>
              <a:gd name="connsiteX10" fmla="*/ 72958 w 915754"/>
              <a:gd name="connsiteY10" fmla="*/ 894944 h 1458979"/>
              <a:gd name="connsiteX11" fmla="*/ 82686 w 915754"/>
              <a:gd name="connsiteY11" fmla="*/ 919264 h 1458979"/>
              <a:gd name="connsiteX12" fmla="*/ 43775 w 915754"/>
              <a:gd name="connsiteY12" fmla="*/ 997085 h 1458979"/>
              <a:gd name="connsiteX13" fmla="*/ 0 w 915754"/>
              <a:gd name="connsiteY13" fmla="*/ 1293779 h 1458979"/>
              <a:gd name="connsiteX14" fmla="*/ 852966 w 915754"/>
              <a:gd name="connsiteY14" fmla="*/ 1458979 h 1458979"/>
              <a:gd name="connsiteX15" fmla="*/ 915754 w 915754"/>
              <a:gd name="connsiteY15" fmla="*/ 970305 h 1458979"/>
              <a:gd name="connsiteX16" fmla="*/ 875802 w 915754"/>
              <a:gd name="connsiteY16" fmla="*/ 924740 h 1458979"/>
              <a:gd name="connsiteX17" fmla="*/ 851171 w 915754"/>
              <a:gd name="connsiteY17" fmla="*/ 933855 h 1458979"/>
              <a:gd name="connsiteX18" fmla="*/ 821988 w 915754"/>
              <a:gd name="connsiteY18" fmla="*/ 963038 h 1458979"/>
              <a:gd name="connsiteX19" fmla="*/ 783077 w 915754"/>
              <a:gd name="connsiteY19" fmla="*/ 972766 h 1458979"/>
              <a:gd name="connsiteX20" fmla="*/ 749030 w 915754"/>
              <a:gd name="connsiteY20" fmla="*/ 953310 h 1458979"/>
              <a:gd name="connsiteX21" fmla="*/ 666345 w 915754"/>
              <a:gd name="connsiteY21" fmla="*/ 967902 h 1458979"/>
              <a:gd name="connsiteX22" fmla="*/ 607979 w 915754"/>
              <a:gd name="connsiteY22" fmla="*/ 914400 h 1458979"/>
              <a:gd name="connsiteX23" fmla="*/ 583660 w 915754"/>
              <a:gd name="connsiteY23" fmla="*/ 890081 h 1458979"/>
              <a:gd name="connsiteX24" fmla="*/ 588524 w 915754"/>
              <a:gd name="connsiteY24" fmla="*/ 841442 h 1458979"/>
              <a:gd name="connsiteX25" fmla="*/ 564205 w 915754"/>
              <a:gd name="connsiteY25" fmla="*/ 792804 h 1458979"/>
              <a:gd name="connsiteX26" fmla="*/ 564205 w 915754"/>
              <a:gd name="connsiteY26" fmla="*/ 763621 h 1458979"/>
              <a:gd name="connsiteX27" fmla="*/ 544749 w 915754"/>
              <a:gd name="connsiteY27" fmla="*/ 700391 h 1458979"/>
              <a:gd name="connsiteX28" fmla="*/ 466928 w 915754"/>
              <a:gd name="connsiteY28" fmla="*/ 705255 h 1458979"/>
              <a:gd name="connsiteX29" fmla="*/ 462064 w 915754"/>
              <a:gd name="connsiteY29" fmla="*/ 661481 h 1458979"/>
              <a:gd name="connsiteX30" fmla="*/ 491247 w 915754"/>
              <a:gd name="connsiteY30" fmla="*/ 646889 h 1458979"/>
              <a:gd name="connsiteX31" fmla="*/ 481520 w 915754"/>
              <a:gd name="connsiteY31" fmla="*/ 588523 h 1458979"/>
              <a:gd name="connsiteX32" fmla="*/ 505839 w 915754"/>
              <a:gd name="connsiteY32" fmla="*/ 510702 h 1458979"/>
              <a:gd name="connsiteX33" fmla="*/ 428018 w 915754"/>
              <a:gd name="connsiteY33" fmla="*/ 432881 h 1458979"/>
              <a:gd name="connsiteX34" fmla="*/ 384243 w 915754"/>
              <a:gd name="connsiteY34" fmla="*/ 364787 h 1458979"/>
              <a:gd name="connsiteX35" fmla="*/ 355060 w 915754"/>
              <a:gd name="connsiteY35" fmla="*/ 325876 h 1458979"/>
              <a:gd name="connsiteX36" fmla="*/ 355060 w 915754"/>
              <a:gd name="connsiteY36" fmla="*/ 218872 h 1458979"/>
              <a:gd name="connsiteX37" fmla="*/ 350196 w 915754"/>
              <a:gd name="connsiteY37" fmla="*/ 179961 h 1458979"/>
              <a:gd name="connsiteX38" fmla="*/ 369652 w 915754"/>
              <a:gd name="connsiteY38" fmla="*/ 102140 h 1458979"/>
              <a:gd name="connsiteX39" fmla="*/ 364788 w 915754"/>
              <a:gd name="connsiteY39" fmla="*/ 34047 h 1458979"/>
              <a:gd name="connsiteX40" fmla="*/ 238328 w 915754"/>
              <a:gd name="connsiteY40" fmla="*/ 0 h 1458979"/>
              <a:gd name="connsiteX0" fmla="*/ 238328 w 915754"/>
              <a:gd name="connsiteY0" fmla="*/ 0 h 1458979"/>
              <a:gd name="connsiteX1" fmla="*/ 141052 w 915754"/>
              <a:gd name="connsiteY1" fmla="*/ 549613 h 1458979"/>
              <a:gd name="connsiteX2" fmla="*/ 160507 w 915754"/>
              <a:gd name="connsiteY2" fmla="*/ 569068 h 1458979"/>
              <a:gd name="connsiteX3" fmla="*/ 175098 w 915754"/>
              <a:gd name="connsiteY3" fmla="*/ 593387 h 1458979"/>
              <a:gd name="connsiteX4" fmla="*/ 175098 w 915754"/>
              <a:gd name="connsiteY4" fmla="*/ 671208 h 1458979"/>
              <a:gd name="connsiteX5" fmla="*/ 126460 w 915754"/>
              <a:gd name="connsiteY5" fmla="*/ 700391 h 1458979"/>
              <a:gd name="connsiteX6" fmla="*/ 107005 w 915754"/>
              <a:gd name="connsiteY6" fmla="*/ 792804 h 1458979"/>
              <a:gd name="connsiteX7" fmla="*/ 58366 w 915754"/>
              <a:gd name="connsiteY7" fmla="*/ 817123 h 1458979"/>
              <a:gd name="connsiteX8" fmla="*/ 53503 w 915754"/>
              <a:gd name="connsiteY8" fmla="*/ 880353 h 1458979"/>
              <a:gd name="connsiteX9" fmla="*/ 58366 w 915754"/>
              <a:gd name="connsiteY9" fmla="*/ 899808 h 1458979"/>
              <a:gd name="connsiteX10" fmla="*/ 72958 w 915754"/>
              <a:gd name="connsiteY10" fmla="*/ 894944 h 1458979"/>
              <a:gd name="connsiteX11" fmla="*/ 82686 w 915754"/>
              <a:gd name="connsiteY11" fmla="*/ 919264 h 1458979"/>
              <a:gd name="connsiteX12" fmla="*/ 43775 w 915754"/>
              <a:gd name="connsiteY12" fmla="*/ 997085 h 1458979"/>
              <a:gd name="connsiteX13" fmla="*/ 0 w 915754"/>
              <a:gd name="connsiteY13" fmla="*/ 1293779 h 1458979"/>
              <a:gd name="connsiteX14" fmla="*/ 852966 w 915754"/>
              <a:gd name="connsiteY14" fmla="*/ 1458979 h 1458979"/>
              <a:gd name="connsiteX15" fmla="*/ 915754 w 915754"/>
              <a:gd name="connsiteY15" fmla="*/ 970305 h 1458979"/>
              <a:gd name="connsiteX16" fmla="*/ 875802 w 915754"/>
              <a:gd name="connsiteY16" fmla="*/ 924740 h 1458979"/>
              <a:gd name="connsiteX17" fmla="*/ 851171 w 915754"/>
              <a:gd name="connsiteY17" fmla="*/ 933855 h 1458979"/>
              <a:gd name="connsiteX18" fmla="*/ 821988 w 915754"/>
              <a:gd name="connsiteY18" fmla="*/ 963038 h 1458979"/>
              <a:gd name="connsiteX19" fmla="*/ 783077 w 915754"/>
              <a:gd name="connsiteY19" fmla="*/ 972766 h 1458979"/>
              <a:gd name="connsiteX20" fmla="*/ 749030 w 915754"/>
              <a:gd name="connsiteY20" fmla="*/ 953310 h 1458979"/>
              <a:gd name="connsiteX21" fmla="*/ 666345 w 915754"/>
              <a:gd name="connsiteY21" fmla="*/ 967902 h 1458979"/>
              <a:gd name="connsiteX22" fmla="*/ 607979 w 915754"/>
              <a:gd name="connsiteY22" fmla="*/ 914400 h 1458979"/>
              <a:gd name="connsiteX23" fmla="*/ 583660 w 915754"/>
              <a:gd name="connsiteY23" fmla="*/ 890081 h 1458979"/>
              <a:gd name="connsiteX24" fmla="*/ 588524 w 915754"/>
              <a:gd name="connsiteY24" fmla="*/ 841442 h 1458979"/>
              <a:gd name="connsiteX25" fmla="*/ 564205 w 915754"/>
              <a:gd name="connsiteY25" fmla="*/ 792804 h 1458979"/>
              <a:gd name="connsiteX26" fmla="*/ 564205 w 915754"/>
              <a:gd name="connsiteY26" fmla="*/ 763621 h 1458979"/>
              <a:gd name="connsiteX27" fmla="*/ 544749 w 915754"/>
              <a:gd name="connsiteY27" fmla="*/ 700391 h 1458979"/>
              <a:gd name="connsiteX28" fmla="*/ 466928 w 915754"/>
              <a:gd name="connsiteY28" fmla="*/ 705255 h 1458979"/>
              <a:gd name="connsiteX29" fmla="*/ 462064 w 915754"/>
              <a:gd name="connsiteY29" fmla="*/ 661481 h 1458979"/>
              <a:gd name="connsiteX30" fmla="*/ 491247 w 915754"/>
              <a:gd name="connsiteY30" fmla="*/ 646889 h 1458979"/>
              <a:gd name="connsiteX31" fmla="*/ 481520 w 915754"/>
              <a:gd name="connsiteY31" fmla="*/ 588523 h 1458979"/>
              <a:gd name="connsiteX32" fmla="*/ 505839 w 915754"/>
              <a:gd name="connsiteY32" fmla="*/ 510702 h 1458979"/>
              <a:gd name="connsiteX33" fmla="*/ 428018 w 915754"/>
              <a:gd name="connsiteY33" fmla="*/ 432881 h 1458979"/>
              <a:gd name="connsiteX34" fmla="*/ 384243 w 915754"/>
              <a:gd name="connsiteY34" fmla="*/ 364787 h 1458979"/>
              <a:gd name="connsiteX35" fmla="*/ 355060 w 915754"/>
              <a:gd name="connsiteY35" fmla="*/ 325876 h 1458979"/>
              <a:gd name="connsiteX36" fmla="*/ 355060 w 915754"/>
              <a:gd name="connsiteY36" fmla="*/ 218872 h 1458979"/>
              <a:gd name="connsiteX37" fmla="*/ 350196 w 915754"/>
              <a:gd name="connsiteY37" fmla="*/ 179961 h 1458979"/>
              <a:gd name="connsiteX38" fmla="*/ 369652 w 915754"/>
              <a:gd name="connsiteY38" fmla="*/ 102140 h 1458979"/>
              <a:gd name="connsiteX39" fmla="*/ 388379 w 915754"/>
              <a:gd name="connsiteY39" fmla="*/ 29286 h 1458979"/>
              <a:gd name="connsiteX40" fmla="*/ 238328 w 915754"/>
              <a:gd name="connsiteY40" fmla="*/ 0 h 1458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</a:cxnLst>
            <a:rect l="l" t="t" r="r" b="b"/>
            <a:pathLst>
              <a:path w="915754" h="1458979">
                <a:moveTo>
                  <a:pt x="238328" y="0"/>
                </a:moveTo>
                <a:lnTo>
                  <a:pt x="141052" y="549613"/>
                </a:lnTo>
                <a:lnTo>
                  <a:pt x="160507" y="569068"/>
                </a:lnTo>
                <a:lnTo>
                  <a:pt x="175098" y="593387"/>
                </a:lnTo>
                <a:lnTo>
                  <a:pt x="175098" y="671208"/>
                </a:lnTo>
                <a:lnTo>
                  <a:pt x="126460" y="700391"/>
                </a:lnTo>
                <a:lnTo>
                  <a:pt x="107005" y="792804"/>
                </a:lnTo>
                <a:lnTo>
                  <a:pt x="58366" y="817123"/>
                </a:lnTo>
                <a:lnTo>
                  <a:pt x="53503" y="880353"/>
                </a:lnTo>
                <a:lnTo>
                  <a:pt x="58366" y="899808"/>
                </a:lnTo>
                <a:lnTo>
                  <a:pt x="72958" y="894944"/>
                </a:lnTo>
                <a:lnTo>
                  <a:pt x="82686" y="919264"/>
                </a:lnTo>
                <a:lnTo>
                  <a:pt x="43775" y="997085"/>
                </a:lnTo>
                <a:lnTo>
                  <a:pt x="0" y="1293779"/>
                </a:lnTo>
                <a:lnTo>
                  <a:pt x="852966" y="1458979"/>
                </a:lnTo>
                <a:lnTo>
                  <a:pt x="915754" y="970305"/>
                </a:lnTo>
                <a:cubicBezTo>
                  <a:pt x="897677" y="959085"/>
                  <a:pt x="893879" y="935960"/>
                  <a:pt x="875802" y="924740"/>
                </a:cubicBezTo>
                <a:lnTo>
                  <a:pt x="851171" y="933855"/>
                </a:lnTo>
                <a:lnTo>
                  <a:pt x="821988" y="963038"/>
                </a:lnTo>
                <a:lnTo>
                  <a:pt x="783077" y="972766"/>
                </a:lnTo>
                <a:lnTo>
                  <a:pt x="749030" y="953310"/>
                </a:lnTo>
                <a:lnTo>
                  <a:pt x="666345" y="967902"/>
                </a:lnTo>
                <a:lnTo>
                  <a:pt x="607979" y="914400"/>
                </a:lnTo>
                <a:lnTo>
                  <a:pt x="583660" y="890081"/>
                </a:lnTo>
                <a:lnTo>
                  <a:pt x="588524" y="841442"/>
                </a:lnTo>
                <a:lnTo>
                  <a:pt x="564205" y="792804"/>
                </a:lnTo>
                <a:lnTo>
                  <a:pt x="564205" y="763621"/>
                </a:lnTo>
                <a:lnTo>
                  <a:pt x="544749" y="700391"/>
                </a:lnTo>
                <a:lnTo>
                  <a:pt x="466928" y="705255"/>
                </a:lnTo>
                <a:lnTo>
                  <a:pt x="462064" y="661481"/>
                </a:lnTo>
                <a:lnTo>
                  <a:pt x="491247" y="646889"/>
                </a:lnTo>
                <a:lnTo>
                  <a:pt x="481520" y="588523"/>
                </a:lnTo>
                <a:lnTo>
                  <a:pt x="505839" y="510702"/>
                </a:lnTo>
                <a:lnTo>
                  <a:pt x="428018" y="432881"/>
                </a:lnTo>
                <a:lnTo>
                  <a:pt x="384243" y="364787"/>
                </a:lnTo>
                <a:lnTo>
                  <a:pt x="355060" y="325876"/>
                </a:lnTo>
                <a:lnTo>
                  <a:pt x="355060" y="218872"/>
                </a:lnTo>
                <a:lnTo>
                  <a:pt x="350196" y="179961"/>
                </a:lnTo>
                <a:lnTo>
                  <a:pt x="369652" y="102140"/>
                </a:lnTo>
                <a:lnTo>
                  <a:pt x="388379" y="29286"/>
                </a:lnTo>
                <a:lnTo>
                  <a:pt x="238328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eaLnBrk="1" hangingPunct="1">
              <a:defRPr/>
            </a:pPr>
            <a:endParaRPr lang="en-GB" dirty="0"/>
          </a:p>
        </p:txBody>
      </p:sp>
      <p:sp>
        <p:nvSpPr>
          <p:cNvPr id="17" name="Freeform 16"/>
          <p:cNvSpPr/>
          <p:nvPr userDrawn="1"/>
        </p:nvSpPr>
        <p:spPr>
          <a:xfrm rot="171972">
            <a:off x="991317" y="1091496"/>
            <a:ext cx="1006475" cy="749300"/>
          </a:xfrm>
          <a:custGeom>
            <a:avLst/>
            <a:gdLst>
              <a:gd name="connsiteX0" fmla="*/ 992221 w 992221"/>
              <a:gd name="connsiteY0" fmla="*/ 184826 h 749030"/>
              <a:gd name="connsiteX1" fmla="*/ 262647 w 992221"/>
              <a:gd name="connsiteY1" fmla="*/ 0 h 749030"/>
              <a:gd name="connsiteX2" fmla="*/ 291830 w 992221"/>
              <a:gd name="connsiteY2" fmla="*/ 24319 h 749030"/>
              <a:gd name="connsiteX3" fmla="*/ 325877 w 992221"/>
              <a:gd name="connsiteY3" fmla="*/ 63230 h 749030"/>
              <a:gd name="connsiteX4" fmla="*/ 296694 w 992221"/>
              <a:gd name="connsiteY4" fmla="*/ 102141 h 749030"/>
              <a:gd name="connsiteX5" fmla="*/ 316149 w 992221"/>
              <a:gd name="connsiteY5" fmla="*/ 136187 h 749030"/>
              <a:gd name="connsiteX6" fmla="*/ 296694 w 992221"/>
              <a:gd name="connsiteY6" fmla="*/ 160506 h 749030"/>
              <a:gd name="connsiteX7" fmla="*/ 321013 w 992221"/>
              <a:gd name="connsiteY7" fmla="*/ 189689 h 749030"/>
              <a:gd name="connsiteX8" fmla="*/ 321013 w 992221"/>
              <a:gd name="connsiteY8" fmla="*/ 233464 h 749030"/>
              <a:gd name="connsiteX9" fmla="*/ 282102 w 992221"/>
              <a:gd name="connsiteY9" fmla="*/ 243192 h 749030"/>
              <a:gd name="connsiteX10" fmla="*/ 277239 w 992221"/>
              <a:gd name="connsiteY10" fmla="*/ 291830 h 749030"/>
              <a:gd name="connsiteX11" fmla="*/ 218873 w 992221"/>
              <a:gd name="connsiteY11" fmla="*/ 350196 h 749030"/>
              <a:gd name="connsiteX12" fmla="*/ 189690 w 992221"/>
              <a:gd name="connsiteY12" fmla="*/ 335604 h 749030"/>
              <a:gd name="connsiteX13" fmla="*/ 189690 w 992221"/>
              <a:gd name="connsiteY13" fmla="*/ 335604 h 749030"/>
              <a:gd name="connsiteX14" fmla="*/ 238328 w 992221"/>
              <a:gd name="connsiteY14" fmla="*/ 291830 h 749030"/>
              <a:gd name="connsiteX15" fmla="*/ 248056 w 992221"/>
              <a:gd name="connsiteY15" fmla="*/ 262647 h 749030"/>
              <a:gd name="connsiteX16" fmla="*/ 218873 w 992221"/>
              <a:gd name="connsiteY16" fmla="*/ 233464 h 749030"/>
              <a:gd name="connsiteX17" fmla="*/ 252919 w 992221"/>
              <a:gd name="connsiteY17" fmla="*/ 204281 h 749030"/>
              <a:gd name="connsiteX18" fmla="*/ 238328 w 992221"/>
              <a:gd name="connsiteY18" fmla="*/ 175098 h 749030"/>
              <a:gd name="connsiteX19" fmla="*/ 199417 w 992221"/>
              <a:gd name="connsiteY19" fmla="*/ 145915 h 749030"/>
              <a:gd name="connsiteX20" fmla="*/ 34047 w 992221"/>
              <a:gd name="connsiteY20" fmla="*/ 63230 h 749030"/>
              <a:gd name="connsiteX21" fmla="*/ 0 w 992221"/>
              <a:gd name="connsiteY21" fmla="*/ 92413 h 749030"/>
              <a:gd name="connsiteX22" fmla="*/ 29183 w 992221"/>
              <a:gd name="connsiteY22" fmla="*/ 189689 h 749030"/>
              <a:gd name="connsiteX23" fmla="*/ 24319 w 992221"/>
              <a:gd name="connsiteY23" fmla="*/ 223736 h 749030"/>
              <a:gd name="connsiteX24" fmla="*/ 9728 w 992221"/>
              <a:gd name="connsiteY24" fmla="*/ 286966 h 749030"/>
              <a:gd name="connsiteX25" fmla="*/ 14592 w 992221"/>
              <a:gd name="connsiteY25" fmla="*/ 306421 h 749030"/>
              <a:gd name="connsiteX26" fmla="*/ 34047 w 992221"/>
              <a:gd name="connsiteY26" fmla="*/ 306421 h 749030"/>
              <a:gd name="connsiteX27" fmla="*/ 48639 w 992221"/>
              <a:gd name="connsiteY27" fmla="*/ 325877 h 749030"/>
              <a:gd name="connsiteX28" fmla="*/ 43775 w 992221"/>
              <a:gd name="connsiteY28" fmla="*/ 345332 h 749030"/>
              <a:gd name="connsiteX29" fmla="*/ 14592 w 992221"/>
              <a:gd name="connsiteY29" fmla="*/ 345332 h 749030"/>
              <a:gd name="connsiteX30" fmla="*/ 29183 w 992221"/>
              <a:gd name="connsiteY30" fmla="*/ 379379 h 749030"/>
              <a:gd name="connsiteX31" fmla="*/ 0 w 992221"/>
              <a:gd name="connsiteY31" fmla="*/ 413426 h 749030"/>
              <a:gd name="connsiteX32" fmla="*/ 4864 w 992221"/>
              <a:gd name="connsiteY32" fmla="*/ 452336 h 749030"/>
              <a:gd name="connsiteX33" fmla="*/ 43775 w 992221"/>
              <a:gd name="connsiteY33" fmla="*/ 457200 h 749030"/>
              <a:gd name="connsiteX34" fmla="*/ 58366 w 992221"/>
              <a:gd name="connsiteY34" fmla="*/ 476655 h 749030"/>
              <a:gd name="connsiteX35" fmla="*/ 136187 w 992221"/>
              <a:gd name="connsiteY35" fmla="*/ 515566 h 749030"/>
              <a:gd name="connsiteX36" fmla="*/ 145915 w 992221"/>
              <a:gd name="connsiteY36" fmla="*/ 627434 h 749030"/>
              <a:gd name="connsiteX37" fmla="*/ 145915 w 992221"/>
              <a:gd name="connsiteY37" fmla="*/ 627434 h 749030"/>
              <a:gd name="connsiteX38" fmla="*/ 199417 w 992221"/>
              <a:gd name="connsiteY38" fmla="*/ 622570 h 749030"/>
              <a:gd name="connsiteX39" fmla="*/ 223736 w 992221"/>
              <a:gd name="connsiteY39" fmla="*/ 617706 h 749030"/>
              <a:gd name="connsiteX40" fmla="*/ 248056 w 992221"/>
              <a:gd name="connsiteY40" fmla="*/ 617706 h 749030"/>
              <a:gd name="connsiteX41" fmla="*/ 272375 w 992221"/>
              <a:gd name="connsiteY41" fmla="*/ 603115 h 749030"/>
              <a:gd name="connsiteX42" fmla="*/ 330741 w 992221"/>
              <a:gd name="connsiteY42" fmla="*/ 661481 h 749030"/>
              <a:gd name="connsiteX43" fmla="*/ 389107 w 992221"/>
              <a:gd name="connsiteY43" fmla="*/ 637162 h 749030"/>
              <a:gd name="connsiteX44" fmla="*/ 452336 w 992221"/>
              <a:gd name="connsiteY44" fmla="*/ 680936 h 749030"/>
              <a:gd name="connsiteX45" fmla="*/ 515566 w 992221"/>
              <a:gd name="connsiteY45" fmla="*/ 676072 h 749030"/>
              <a:gd name="connsiteX46" fmla="*/ 569068 w 992221"/>
              <a:gd name="connsiteY46" fmla="*/ 680936 h 749030"/>
              <a:gd name="connsiteX47" fmla="*/ 598251 w 992221"/>
              <a:gd name="connsiteY47" fmla="*/ 690664 h 749030"/>
              <a:gd name="connsiteX48" fmla="*/ 642026 w 992221"/>
              <a:gd name="connsiteY48" fmla="*/ 676072 h 749030"/>
              <a:gd name="connsiteX49" fmla="*/ 710119 w 992221"/>
              <a:gd name="connsiteY49" fmla="*/ 700392 h 749030"/>
              <a:gd name="connsiteX50" fmla="*/ 749030 w 992221"/>
              <a:gd name="connsiteY50" fmla="*/ 695528 h 749030"/>
              <a:gd name="connsiteX51" fmla="*/ 797668 w 992221"/>
              <a:gd name="connsiteY51" fmla="*/ 719847 h 749030"/>
              <a:gd name="connsiteX52" fmla="*/ 846307 w 992221"/>
              <a:gd name="connsiteY52" fmla="*/ 729575 h 749030"/>
              <a:gd name="connsiteX53" fmla="*/ 870626 w 992221"/>
              <a:gd name="connsiteY53" fmla="*/ 724711 h 749030"/>
              <a:gd name="connsiteX54" fmla="*/ 894945 w 992221"/>
              <a:gd name="connsiteY54" fmla="*/ 739302 h 749030"/>
              <a:gd name="connsiteX55" fmla="*/ 919264 w 992221"/>
              <a:gd name="connsiteY55" fmla="*/ 749030 h 749030"/>
              <a:gd name="connsiteX56" fmla="*/ 992221 w 992221"/>
              <a:gd name="connsiteY56" fmla="*/ 184826 h 749030"/>
              <a:gd name="connsiteX0" fmla="*/ 1006541 w 1006541"/>
              <a:gd name="connsiteY0" fmla="*/ 182379 h 749030"/>
              <a:gd name="connsiteX1" fmla="*/ 262647 w 1006541"/>
              <a:gd name="connsiteY1" fmla="*/ 0 h 749030"/>
              <a:gd name="connsiteX2" fmla="*/ 291830 w 1006541"/>
              <a:gd name="connsiteY2" fmla="*/ 24319 h 749030"/>
              <a:gd name="connsiteX3" fmla="*/ 325877 w 1006541"/>
              <a:gd name="connsiteY3" fmla="*/ 63230 h 749030"/>
              <a:gd name="connsiteX4" fmla="*/ 296694 w 1006541"/>
              <a:gd name="connsiteY4" fmla="*/ 102141 h 749030"/>
              <a:gd name="connsiteX5" fmla="*/ 316149 w 1006541"/>
              <a:gd name="connsiteY5" fmla="*/ 136187 h 749030"/>
              <a:gd name="connsiteX6" fmla="*/ 296694 w 1006541"/>
              <a:gd name="connsiteY6" fmla="*/ 160506 h 749030"/>
              <a:gd name="connsiteX7" fmla="*/ 321013 w 1006541"/>
              <a:gd name="connsiteY7" fmla="*/ 189689 h 749030"/>
              <a:gd name="connsiteX8" fmla="*/ 321013 w 1006541"/>
              <a:gd name="connsiteY8" fmla="*/ 233464 h 749030"/>
              <a:gd name="connsiteX9" fmla="*/ 282102 w 1006541"/>
              <a:gd name="connsiteY9" fmla="*/ 243192 h 749030"/>
              <a:gd name="connsiteX10" fmla="*/ 277239 w 1006541"/>
              <a:gd name="connsiteY10" fmla="*/ 291830 h 749030"/>
              <a:gd name="connsiteX11" fmla="*/ 218873 w 1006541"/>
              <a:gd name="connsiteY11" fmla="*/ 350196 h 749030"/>
              <a:gd name="connsiteX12" fmla="*/ 189690 w 1006541"/>
              <a:gd name="connsiteY12" fmla="*/ 335604 h 749030"/>
              <a:gd name="connsiteX13" fmla="*/ 189690 w 1006541"/>
              <a:gd name="connsiteY13" fmla="*/ 335604 h 749030"/>
              <a:gd name="connsiteX14" fmla="*/ 238328 w 1006541"/>
              <a:gd name="connsiteY14" fmla="*/ 291830 h 749030"/>
              <a:gd name="connsiteX15" fmla="*/ 248056 w 1006541"/>
              <a:gd name="connsiteY15" fmla="*/ 262647 h 749030"/>
              <a:gd name="connsiteX16" fmla="*/ 218873 w 1006541"/>
              <a:gd name="connsiteY16" fmla="*/ 233464 h 749030"/>
              <a:gd name="connsiteX17" fmla="*/ 252919 w 1006541"/>
              <a:gd name="connsiteY17" fmla="*/ 204281 h 749030"/>
              <a:gd name="connsiteX18" fmla="*/ 238328 w 1006541"/>
              <a:gd name="connsiteY18" fmla="*/ 175098 h 749030"/>
              <a:gd name="connsiteX19" fmla="*/ 199417 w 1006541"/>
              <a:gd name="connsiteY19" fmla="*/ 145915 h 749030"/>
              <a:gd name="connsiteX20" fmla="*/ 34047 w 1006541"/>
              <a:gd name="connsiteY20" fmla="*/ 63230 h 749030"/>
              <a:gd name="connsiteX21" fmla="*/ 0 w 1006541"/>
              <a:gd name="connsiteY21" fmla="*/ 92413 h 749030"/>
              <a:gd name="connsiteX22" fmla="*/ 29183 w 1006541"/>
              <a:gd name="connsiteY22" fmla="*/ 189689 h 749030"/>
              <a:gd name="connsiteX23" fmla="*/ 24319 w 1006541"/>
              <a:gd name="connsiteY23" fmla="*/ 223736 h 749030"/>
              <a:gd name="connsiteX24" fmla="*/ 9728 w 1006541"/>
              <a:gd name="connsiteY24" fmla="*/ 286966 h 749030"/>
              <a:gd name="connsiteX25" fmla="*/ 14592 w 1006541"/>
              <a:gd name="connsiteY25" fmla="*/ 306421 h 749030"/>
              <a:gd name="connsiteX26" fmla="*/ 34047 w 1006541"/>
              <a:gd name="connsiteY26" fmla="*/ 306421 h 749030"/>
              <a:gd name="connsiteX27" fmla="*/ 48639 w 1006541"/>
              <a:gd name="connsiteY27" fmla="*/ 325877 h 749030"/>
              <a:gd name="connsiteX28" fmla="*/ 43775 w 1006541"/>
              <a:gd name="connsiteY28" fmla="*/ 345332 h 749030"/>
              <a:gd name="connsiteX29" fmla="*/ 14592 w 1006541"/>
              <a:gd name="connsiteY29" fmla="*/ 345332 h 749030"/>
              <a:gd name="connsiteX30" fmla="*/ 29183 w 1006541"/>
              <a:gd name="connsiteY30" fmla="*/ 379379 h 749030"/>
              <a:gd name="connsiteX31" fmla="*/ 0 w 1006541"/>
              <a:gd name="connsiteY31" fmla="*/ 413426 h 749030"/>
              <a:gd name="connsiteX32" fmla="*/ 4864 w 1006541"/>
              <a:gd name="connsiteY32" fmla="*/ 452336 h 749030"/>
              <a:gd name="connsiteX33" fmla="*/ 43775 w 1006541"/>
              <a:gd name="connsiteY33" fmla="*/ 457200 h 749030"/>
              <a:gd name="connsiteX34" fmla="*/ 58366 w 1006541"/>
              <a:gd name="connsiteY34" fmla="*/ 476655 h 749030"/>
              <a:gd name="connsiteX35" fmla="*/ 136187 w 1006541"/>
              <a:gd name="connsiteY35" fmla="*/ 515566 h 749030"/>
              <a:gd name="connsiteX36" fmla="*/ 145915 w 1006541"/>
              <a:gd name="connsiteY36" fmla="*/ 627434 h 749030"/>
              <a:gd name="connsiteX37" fmla="*/ 145915 w 1006541"/>
              <a:gd name="connsiteY37" fmla="*/ 627434 h 749030"/>
              <a:gd name="connsiteX38" fmla="*/ 199417 w 1006541"/>
              <a:gd name="connsiteY38" fmla="*/ 622570 h 749030"/>
              <a:gd name="connsiteX39" fmla="*/ 223736 w 1006541"/>
              <a:gd name="connsiteY39" fmla="*/ 617706 h 749030"/>
              <a:gd name="connsiteX40" fmla="*/ 248056 w 1006541"/>
              <a:gd name="connsiteY40" fmla="*/ 617706 h 749030"/>
              <a:gd name="connsiteX41" fmla="*/ 272375 w 1006541"/>
              <a:gd name="connsiteY41" fmla="*/ 603115 h 749030"/>
              <a:gd name="connsiteX42" fmla="*/ 330741 w 1006541"/>
              <a:gd name="connsiteY42" fmla="*/ 661481 h 749030"/>
              <a:gd name="connsiteX43" fmla="*/ 389107 w 1006541"/>
              <a:gd name="connsiteY43" fmla="*/ 637162 h 749030"/>
              <a:gd name="connsiteX44" fmla="*/ 452336 w 1006541"/>
              <a:gd name="connsiteY44" fmla="*/ 680936 h 749030"/>
              <a:gd name="connsiteX45" fmla="*/ 515566 w 1006541"/>
              <a:gd name="connsiteY45" fmla="*/ 676072 h 749030"/>
              <a:gd name="connsiteX46" fmla="*/ 569068 w 1006541"/>
              <a:gd name="connsiteY46" fmla="*/ 680936 h 749030"/>
              <a:gd name="connsiteX47" fmla="*/ 598251 w 1006541"/>
              <a:gd name="connsiteY47" fmla="*/ 690664 h 749030"/>
              <a:gd name="connsiteX48" fmla="*/ 642026 w 1006541"/>
              <a:gd name="connsiteY48" fmla="*/ 676072 h 749030"/>
              <a:gd name="connsiteX49" fmla="*/ 710119 w 1006541"/>
              <a:gd name="connsiteY49" fmla="*/ 700392 h 749030"/>
              <a:gd name="connsiteX50" fmla="*/ 749030 w 1006541"/>
              <a:gd name="connsiteY50" fmla="*/ 695528 h 749030"/>
              <a:gd name="connsiteX51" fmla="*/ 797668 w 1006541"/>
              <a:gd name="connsiteY51" fmla="*/ 719847 h 749030"/>
              <a:gd name="connsiteX52" fmla="*/ 846307 w 1006541"/>
              <a:gd name="connsiteY52" fmla="*/ 729575 h 749030"/>
              <a:gd name="connsiteX53" fmla="*/ 870626 w 1006541"/>
              <a:gd name="connsiteY53" fmla="*/ 724711 h 749030"/>
              <a:gd name="connsiteX54" fmla="*/ 894945 w 1006541"/>
              <a:gd name="connsiteY54" fmla="*/ 739302 h 749030"/>
              <a:gd name="connsiteX55" fmla="*/ 919264 w 1006541"/>
              <a:gd name="connsiteY55" fmla="*/ 749030 h 749030"/>
              <a:gd name="connsiteX56" fmla="*/ 1006541 w 1006541"/>
              <a:gd name="connsiteY56" fmla="*/ 182379 h 7490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1006541" h="749030">
                <a:moveTo>
                  <a:pt x="1006541" y="182379"/>
                </a:moveTo>
                <a:lnTo>
                  <a:pt x="262647" y="0"/>
                </a:lnTo>
                <a:lnTo>
                  <a:pt x="291830" y="24319"/>
                </a:lnTo>
                <a:lnTo>
                  <a:pt x="325877" y="63230"/>
                </a:lnTo>
                <a:lnTo>
                  <a:pt x="296694" y="102141"/>
                </a:lnTo>
                <a:lnTo>
                  <a:pt x="316149" y="136187"/>
                </a:lnTo>
                <a:lnTo>
                  <a:pt x="296694" y="160506"/>
                </a:lnTo>
                <a:lnTo>
                  <a:pt x="321013" y="189689"/>
                </a:lnTo>
                <a:lnTo>
                  <a:pt x="321013" y="233464"/>
                </a:lnTo>
                <a:lnTo>
                  <a:pt x="282102" y="243192"/>
                </a:lnTo>
                <a:lnTo>
                  <a:pt x="277239" y="291830"/>
                </a:lnTo>
                <a:lnTo>
                  <a:pt x="218873" y="350196"/>
                </a:lnTo>
                <a:lnTo>
                  <a:pt x="189690" y="335604"/>
                </a:lnTo>
                <a:lnTo>
                  <a:pt x="189690" y="335604"/>
                </a:lnTo>
                <a:lnTo>
                  <a:pt x="238328" y="291830"/>
                </a:lnTo>
                <a:lnTo>
                  <a:pt x="248056" y="262647"/>
                </a:lnTo>
                <a:lnTo>
                  <a:pt x="218873" y="233464"/>
                </a:lnTo>
                <a:lnTo>
                  <a:pt x="252919" y="204281"/>
                </a:lnTo>
                <a:lnTo>
                  <a:pt x="238328" y="175098"/>
                </a:lnTo>
                <a:lnTo>
                  <a:pt x="199417" y="145915"/>
                </a:lnTo>
                <a:lnTo>
                  <a:pt x="34047" y="63230"/>
                </a:lnTo>
                <a:lnTo>
                  <a:pt x="0" y="92413"/>
                </a:lnTo>
                <a:lnTo>
                  <a:pt x="29183" y="189689"/>
                </a:lnTo>
                <a:lnTo>
                  <a:pt x="24319" y="223736"/>
                </a:lnTo>
                <a:lnTo>
                  <a:pt x="9728" y="286966"/>
                </a:lnTo>
                <a:lnTo>
                  <a:pt x="14592" y="306421"/>
                </a:lnTo>
                <a:lnTo>
                  <a:pt x="34047" y="306421"/>
                </a:lnTo>
                <a:lnTo>
                  <a:pt x="48639" y="325877"/>
                </a:lnTo>
                <a:lnTo>
                  <a:pt x="43775" y="345332"/>
                </a:lnTo>
                <a:lnTo>
                  <a:pt x="14592" y="345332"/>
                </a:lnTo>
                <a:lnTo>
                  <a:pt x="29183" y="379379"/>
                </a:lnTo>
                <a:lnTo>
                  <a:pt x="0" y="413426"/>
                </a:lnTo>
                <a:lnTo>
                  <a:pt x="4864" y="452336"/>
                </a:lnTo>
                <a:lnTo>
                  <a:pt x="43775" y="457200"/>
                </a:lnTo>
                <a:lnTo>
                  <a:pt x="58366" y="476655"/>
                </a:lnTo>
                <a:lnTo>
                  <a:pt x="136187" y="515566"/>
                </a:lnTo>
                <a:lnTo>
                  <a:pt x="145915" y="627434"/>
                </a:lnTo>
                <a:lnTo>
                  <a:pt x="145915" y="627434"/>
                </a:lnTo>
                <a:lnTo>
                  <a:pt x="199417" y="622570"/>
                </a:lnTo>
                <a:lnTo>
                  <a:pt x="223736" y="617706"/>
                </a:lnTo>
                <a:lnTo>
                  <a:pt x="248056" y="617706"/>
                </a:lnTo>
                <a:lnTo>
                  <a:pt x="272375" y="603115"/>
                </a:lnTo>
                <a:lnTo>
                  <a:pt x="330741" y="661481"/>
                </a:lnTo>
                <a:lnTo>
                  <a:pt x="389107" y="637162"/>
                </a:lnTo>
                <a:lnTo>
                  <a:pt x="452336" y="680936"/>
                </a:lnTo>
                <a:lnTo>
                  <a:pt x="515566" y="676072"/>
                </a:lnTo>
                <a:lnTo>
                  <a:pt x="569068" y="680936"/>
                </a:lnTo>
                <a:lnTo>
                  <a:pt x="598251" y="690664"/>
                </a:lnTo>
                <a:lnTo>
                  <a:pt x="642026" y="676072"/>
                </a:lnTo>
                <a:lnTo>
                  <a:pt x="710119" y="700392"/>
                </a:lnTo>
                <a:lnTo>
                  <a:pt x="749030" y="695528"/>
                </a:lnTo>
                <a:lnTo>
                  <a:pt x="797668" y="719847"/>
                </a:lnTo>
                <a:lnTo>
                  <a:pt x="846307" y="729575"/>
                </a:lnTo>
                <a:lnTo>
                  <a:pt x="870626" y="724711"/>
                </a:lnTo>
                <a:lnTo>
                  <a:pt x="894945" y="739302"/>
                </a:lnTo>
                <a:lnTo>
                  <a:pt x="919264" y="749030"/>
                </a:lnTo>
                <a:lnTo>
                  <a:pt x="1006541" y="182379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eaLnBrk="1" hangingPunct="1">
              <a:defRPr/>
            </a:pPr>
            <a:endParaRPr lang="en-GB" dirty="0"/>
          </a:p>
        </p:txBody>
      </p:sp>
      <p:sp>
        <p:nvSpPr>
          <p:cNvPr id="29" name="Freeform 28"/>
          <p:cNvSpPr/>
          <p:nvPr userDrawn="1"/>
        </p:nvSpPr>
        <p:spPr>
          <a:xfrm rot="171972">
            <a:off x="703661" y="1522568"/>
            <a:ext cx="1206500" cy="1033462"/>
          </a:xfrm>
          <a:custGeom>
            <a:avLst/>
            <a:gdLst>
              <a:gd name="connsiteX0" fmla="*/ 265568 w 1195057"/>
              <a:gd name="connsiteY0" fmla="*/ 0 h 1013988"/>
              <a:gd name="connsiteX1" fmla="*/ 250479 w 1195057"/>
              <a:gd name="connsiteY1" fmla="*/ 72428 h 1013988"/>
              <a:gd name="connsiteX2" fmla="*/ 250479 w 1195057"/>
              <a:gd name="connsiteY2" fmla="*/ 114677 h 1013988"/>
              <a:gd name="connsiteX3" fmla="*/ 232372 w 1195057"/>
              <a:gd name="connsiteY3" fmla="*/ 132784 h 1013988"/>
              <a:gd name="connsiteX4" fmla="*/ 217283 w 1195057"/>
              <a:gd name="connsiteY4" fmla="*/ 193140 h 1013988"/>
              <a:gd name="connsiteX5" fmla="*/ 172016 w 1195057"/>
              <a:gd name="connsiteY5" fmla="*/ 238408 h 1013988"/>
              <a:gd name="connsiteX6" fmla="*/ 162962 w 1195057"/>
              <a:gd name="connsiteY6" fmla="*/ 325925 h 1013988"/>
              <a:gd name="connsiteX7" fmla="*/ 54321 w 1195057"/>
              <a:gd name="connsiteY7" fmla="*/ 476816 h 1013988"/>
              <a:gd name="connsiteX8" fmla="*/ 54321 w 1195057"/>
              <a:gd name="connsiteY8" fmla="*/ 519065 h 1013988"/>
              <a:gd name="connsiteX9" fmla="*/ 21125 w 1195057"/>
              <a:gd name="connsiteY9" fmla="*/ 558297 h 1013988"/>
              <a:gd name="connsiteX10" fmla="*/ 15089 w 1195057"/>
              <a:gd name="connsiteY10" fmla="*/ 615636 h 1013988"/>
              <a:gd name="connsiteX11" fmla="*/ 0 w 1195057"/>
              <a:gd name="connsiteY11" fmla="*/ 688063 h 1013988"/>
              <a:gd name="connsiteX12" fmla="*/ 6036 w 1195057"/>
              <a:gd name="connsiteY12" fmla="*/ 748420 h 1013988"/>
              <a:gd name="connsiteX13" fmla="*/ 591493 w 1195057"/>
              <a:gd name="connsiteY13" fmla="*/ 917418 h 1013988"/>
              <a:gd name="connsiteX14" fmla="*/ 1029077 w 1195057"/>
              <a:gd name="connsiteY14" fmla="*/ 1013988 h 1013988"/>
              <a:gd name="connsiteX15" fmla="*/ 1071327 w 1195057"/>
              <a:gd name="connsiteY15" fmla="*/ 712206 h 1013988"/>
              <a:gd name="connsiteX16" fmla="*/ 1107541 w 1195057"/>
              <a:gd name="connsiteY16" fmla="*/ 642796 h 1013988"/>
              <a:gd name="connsiteX17" fmla="*/ 1092452 w 1195057"/>
              <a:gd name="connsiteY17" fmla="*/ 612618 h 1013988"/>
              <a:gd name="connsiteX18" fmla="*/ 1083398 w 1195057"/>
              <a:gd name="connsiteY18" fmla="*/ 615636 h 1013988"/>
              <a:gd name="connsiteX19" fmla="*/ 1083398 w 1195057"/>
              <a:gd name="connsiteY19" fmla="*/ 543208 h 1013988"/>
              <a:gd name="connsiteX20" fmla="*/ 1134701 w 1195057"/>
              <a:gd name="connsiteY20" fmla="*/ 519065 h 1013988"/>
              <a:gd name="connsiteX21" fmla="*/ 1149790 w 1195057"/>
              <a:gd name="connsiteY21" fmla="*/ 419477 h 1013988"/>
              <a:gd name="connsiteX22" fmla="*/ 1195057 w 1195057"/>
              <a:gd name="connsiteY22" fmla="*/ 392317 h 1013988"/>
              <a:gd name="connsiteX23" fmla="*/ 1195057 w 1195057"/>
              <a:gd name="connsiteY23" fmla="*/ 322907 h 1013988"/>
              <a:gd name="connsiteX24" fmla="*/ 1182986 w 1195057"/>
              <a:gd name="connsiteY24" fmla="*/ 292729 h 1013988"/>
              <a:gd name="connsiteX25" fmla="*/ 1164879 w 1195057"/>
              <a:gd name="connsiteY25" fmla="*/ 292729 h 1013988"/>
              <a:gd name="connsiteX26" fmla="*/ 1131683 w 1195057"/>
              <a:gd name="connsiteY26" fmla="*/ 271604 h 1013988"/>
              <a:gd name="connsiteX27" fmla="*/ 1089434 w 1195057"/>
              <a:gd name="connsiteY27" fmla="*/ 271604 h 1013988"/>
              <a:gd name="connsiteX28" fmla="*/ 1059256 w 1195057"/>
              <a:gd name="connsiteY28" fmla="*/ 268586 h 1013988"/>
              <a:gd name="connsiteX29" fmla="*/ 998899 w 1195057"/>
              <a:gd name="connsiteY29" fmla="*/ 235390 h 1013988"/>
              <a:gd name="connsiteX30" fmla="*/ 968721 w 1195057"/>
              <a:gd name="connsiteY30" fmla="*/ 247461 h 1013988"/>
              <a:gd name="connsiteX31" fmla="*/ 908364 w 1195057"/>
              <a:gd name="connsiteY31" fmla="*/ 220301 h 1013988"/>
              <a:gd name="connsiteX32" fmla="*/ 854044 w 1195057"/>
              <a:gd name="connsiteY32" fmla="*/ 235390 h 1013988"/>
              <a:gd name="connsiteX33" fmla="*/ 832919 w 1195057"/>
              <a:gd name="connsiteY33" fmla="*/ 226336 h 1013988"/>
              <a:gd name="connsiteX34" fmla="*/ 715224 w 1195057"/>
              <a:gd name="connsiteY34" fmla="*/ 226336 h 1013988"/>
              <a:gd name="connsiteX35" fmla="*/ 648832 w 1195057"/>
              <a:gd name="connsiteY35" fmla="*/ 181069 h 1013988"/>
              <a:gd name="connsiteX36" fmla="*/ 588475 w 1195057"/>
              <a:gd name="connsiteY36" fmla="*/ 208230 h 1013988"/>
              <a:gd name="connsiteX37" fmla="*/ 531137 w 1195057"/>
              <a:gd name="connsiteY37" fmla="*/ 144855 h 1013988"/>
              <a:gd name="connsiteX38" fmla="*/ 407406 w 1195057"/>
              <a:gd name="connsiteY38" fmla="*/ 172016 h 1013988"/>
              <a:gd name="connsiteX39" fmla="*/ 392317 w 1195057"/>
              <a:gd name="connsiteY39" fmla="*/ 60356 h 1013988"/>
              <a:gd name="connsiteX40" fmla="*/ 265568 w 1195057"/>
              <a:gd name="connsiteY40" fmla="*/ 0 h 1013988"/>
              <a:gd name="connsiteX0" fmla="*/ 265568 w 1206976"/>
              <a:gd name="connsiteY0" fmla="*/ 0 h 1013988"/>
              <a:gd name="connsiteX1" fmla="*/ 250479 w 1206976"/>
              <a:gd name="connsiteY1" fmla="*/ 72428 h 1013988"/>
              <a:gd name="connsiteX2" fmla="*/ 250479 w 1206976"/>
              <a:gd name="connsiteY2" fmla="*/ 114677 h 1013988"/>
              <a:gd name="connsiteX3" fmla="*/ 232372 w 1206976"/>
              <a:gd name="connsiteY3" fmla="*/ 132784 h 1013988"/>
              <a:gd name="connsiteX4" fmla="*/ 217283 w 1206976"/>
              <a:gd name="connsiteY4" fmla="*/ 193140 h 1013988"/>
              <a:gd name="connsiteX5" fmla="*/ 172016 w 1206976"/>
              <a:gd name="connsiteY5" fmla="*/ 238408 h 1013988"/>
              <a:gd name="connsiteX6" fmla="*/ 162962 w 1206976"/>
              <a:gd name="connsiteY6" fmla="*/ 325925 h 1013988"/>
              <a:gd name="connsiteX7" fmla="*/ 54321 w 1206976"/>
              <a:gd name="connsiteY7" fmla="*/ 476816 h 1013988"/>
              <a:gd name="connsiteX8" fmla="*/ 54321 w 1206976"/>
              <a:gd name="connsiteY8" fmla="*/ 519065 h 1013988"/>
              <a:gd name="connsiteX9" fmla="*/ 21125 w 1206976"/>
              <a:gd name="connsiteY9" fmla="*/ 558297 h 1013988"/>
              <a:gd name="connsiteX10" fmla="*/ 15089 w 1206976"/>
              <a:gd name="connsiteY10" fmla="*/ 615636 h 1013988"/>
              <a:gd name="connsiteX11" fmla="*/ 0 w 1206976"/>
              <a:gd name="connsiteY11" fmla="*/ 688063 h 1013988"/>
              <a:gd name="connsiteX12" fmla="*/ 6036 w 1206976"/>
              <a:gd name="connsiteY12" fmla="*/ 748420 h 1013988"/>
              <a:gd name="connsiteX13" fmla="*/ 591493 w 1206976"/>
              <a:gd name="connsiteY13" fmla="*/ 917418 h 1013988"/>
              <a:gd name="connsiteX14" fmla="*/ 1029077 w 1206976"/>
              <a:gd name="connsiteY14" fmla="*/ 1013988 h 1013988"/>
              <a:gd name="connsiteX15" fmla="*/ 1071327 w 1206976"/>
              <a:gd name="connsiteY15" fmla="*/ 712206 h 1013988"/>
              <a:gd name="connsiteX16" fmla="*/ 1107541 w 1206976"/>
              <a:gd name="connsiteY16" fmla="*/ 642796 h 1013988"/>
              <a:gd name="connsiteX17" fmla="*/ 1092452 w 1206976"/>
              <a:gd name="connsiteY17" fmla="*/ 612618 h 1013988"/>
              <a:gd name="connsiteX18" fmla="*/ 1083398 w 1206976"/>
              <a:gd name="connsiteY18" fmla="*/ 615636 h 1013988"/>
              <a:gd name="connsiteX19" fmla="*/ 1083398 w 1206976"/>
              <a:gd name="connsiteY19" fmla="*/ 543208 h 1013988"/>
              <a:gd name="connsiteX20" fmla="*/ 1134701 w 1206976"/>
              <a:gd name="connsiteY20" fmla="*/ 519065 h 1013988"/>
              <a:gd name="connsiteX21" fmla="*/ 1149790 w 1206976"/>
              <a:gd name="connsiteY21" fmla="*/ 419477 h 1013988"/>
              <a:gd name="connsiteX22" fmla="*/ 1206976 w 1206976"/>
              <a:gd name="connsiteY22" fmla="*/ 392317 h 1013988"/>
              <a:gd name="connsiteX23" fmla="*/ 1195057 w 1206976"/>
              <a:gd name="connsiteY23" fmla="*/ 322907 h 1013988"/>
              <a:gd name="connsiteX24" fmla="*/ 1182986 w 1206976"/>
              <a:gd name="connsiteY24" fmla="*/ 292729 h 1013988"/>
              <a:gd name="connsiteX25" fmla="*/ 1164879 w 1206976"/>
              <a:gd name="connsiteY25" fmla="*/ 292729 h 1013988"/>
              <a:gd name="connsiteX26" fmla="*/ 1131683 w 1206976"/>
              <a:gd name="connsiteY26" fmla="*/ 271604 h 1013988"/>
              <a:gd name="connsiteX27" fmla="*/ 1089434 w 1206976"/>
              <a:gd name="connsiteY27" fmla="*/ 271604 h 1013988"/>
              <a:gd name="connsiteX28" fmla="*/ 1059256 w 1206976"/>
              <a:gd name="connsiteY28" fmla="*/ 268586 h 1013988"/>
              <a:gd name="connsiteX29" fmla="*/ 998899 w 1206976"/>
              <a:gd name="connsiteY29" fmla="*/ 235390 h 1013988"/>
              <a:gd name="connsiteX30" fmla="*/ 968721 w 1206976"/>
              <a:gd name="connsiteY30" fmla="*/ 247461 h 1013988"/>
              <a:gd name="connsiteX31" fmla="*/ 908364 w 1206976"/>
              <a:gd name="connsiteY31" fmla="*/ 220301 h 1013988"/>
              <a:gd name="connsiteX32" fmla="*/ 854044 w 1206976"/>
              <a:gd name="connsiteY32" fmla="*/ 235390 h 1013988"/>
              <a:gd name="connsiteX33" fmla="*/ 832919 w 1206976"/>
              <a:gd name="connsiteY33" fmla="*/ 226336 h 1013988"/>
              <a:gd name="connsiteX34" fmla="*/ 715224 w 1206976"/>
              <a:gd name="connsiteY34" fmla="*/ 226336 h 1013988"/>
              <a:gd name="connsiteX35" fmla="*/ 648832 w 1206976"/>
              <a:gd name="connsiteY35" fmla="*/ 181069 h 1013988"/>
              <a:gd name="connsiteX36" fmla="*/ 588475 w 1206976"/>
              <a:gd name="connsiteY36" fmla="*/ 208230 h 1013988"/>
              <a:gd name="connsiteX37" fmla="*/ 531137 w 1206976"/>
              <a:gd name="connsiteY37" fmla="*/ 144855 h 1013988"/>
              <a:gd name="connsiteX38" fmla="*/ 407406 w 1206976"/>
              <a:gd name="connsiteY38" fmla="*/ 172016 h 1013988"/>
              <a:gd name="connsiteX39" fmla="*/ 392317 w 1206976"/>
              <a:gd name="connsiteY39" fmla="*/ 60356 h 1013988"/>
              <a:gd name="connsiteX40" fmla="*/ 265568 w 1206976"/>
              <a:gd name="connsiteY40" fmla="*/ 0 h 1013988"/>
              <a:gd name="connsiteX0" fmla="*/ 265568 w 1206976"/>
              <a:gd name="connsiteY0" fmla="*/ 0 h 1013988"/>
              <a:gd name="connsiteX1" fmla="*/ 250479 w 1206976"/>
              <a:gd name="connsiteY1" fmla="*/ 72428 h 1013988"/>
              <a:gd name="connsiteX2" fmla="*/ 250479 w 1206976"/>
              <a:gd name="connsiteY2" fmla="*/ 114677 h 1013988"/>
              <a:gd name="connsiteX3" fmla="*/ 232372 w 1206976"/>
              <a:gd name="connsiteY3" fmla="*/ 132784 h 1013988"/>
              <a:gd name="connsiteX4" fmla="*/ 217283 w 1206976"/>
              <a:gd name="connsiteY4" fmla="*/ 193140 h 1013988"/>
              <a:gd name="connsiteX5" fmla="*/ 172016 w 1206976"/>
              <a:gd name="connsiteY5" fmla="*/ 238408 h 1013988"/>
              <a:gd name="connsiteX6" fmla="*/ 162962 w 1206976"/>
              <a:gd name="connsiteY6" fmla="*/ 325925 h 1013988"/>
              <a:gd name="connsiteX7" fmla="*/ 54321 w 1206976"/>
              <a:gd name="connsiteY7" fmla="*/ 476816 h 1013988"/>
              <a:gd name="connsiteX8" fmla="*/ 54321 w 1206976"/>
              <a:gd name="connsiteY8" fmla="*/ 519065 h 1013988"/>
              <a:gd name="connsiteX9" fmla="*/ 21125 w 1206976"/>
              <a:gd name="connsiteY9" fmla="*/ 558297 h 1013988"/>
              <a:gd name="connsiteX10" fmla="*/ 15089 w 1206976"/>
              <a:gd name="connsiteY10" fmla="*/ 615636 h 1013988"/>
              <a:gd name="connsiteX11" fmla="*/ 0 w 1206976"/>
              <a:gd name="connsiteY11" fmla="*/ 688063 h 1013988"/>
              <a:gd name="connsiteX12" fmla="*/ 6036 w 1206976"/>
              <a:gd name="connsiteY12" fmla="*/ 748420 h 1013988"/>
              <a:gd name="connsiteX13" fmla="*/ 591493 w 1206976"/>
              <a:gd name="connsiteY13" fmla="*/ 917418 h 1013988"/>
              <a:gd name="connsiteX14" fmla="*/ 1029077 w 1206976"/>
              <a:gd name="connsiteY14" fmla="*/ 1013988 h 1013988"/>
              <a:gd name="connsiteX15" fmla="*/ 1071327 w 1206976"/>
              <a:gd name="connsiteY15" fmla="*/ 712206 h 1013988"/>
              <a:gd name="connsiteX16" fmla="*/ 1107541 w 1206976"/>
              <a:gd name="connsiteY16" fmla="*/ 642796 h 1013988"/>
              <a:gd name="connsiteX17" fmla="*/ 1092452 w 1206976"/>
              <a:gd name="connsiteY17" fmla="*/ 612618 h 1013988"/>
              <a:gd name="connsiteX18" fmla="*/ 1083398 w 1206976"/>
              <a:gd name="connsiteY18" fmla="*/ 615636 h 1013988"/>
              <a:gd name="connsiteX19" fmla="*/ 1083398 w 1206976"/>
              <a:gd name="connsiteY19" fmla="*/ 543208 h 1013988"/>
              <a:gd name="connsiteX20" fmla="*/ 1134701 w 1206976"/>
              <a:gd name="connsiteY20" fmla="*/ 519065 h 1013988"/>
              <a:gd name="connsiteX21" fmla="*/ 1149790 w 1206976"/>
              <a:gd name="connsiteY21" fmla="*/ 419477 h 1013988"/>
              <a:gd name="connsiteX22" fmla="*/ 1206976 w 1206976"/>
              <a:gd name="connsiteY22" fmla="*/ 392317 h 1013988"/>
              <a:gd name="connsiteX23" fmla="*/ 1204592 w 1206976"/>
              <a:gd name="connsiteY23" fmla="*/ 322907 h 1013988"/>
              <a:gd name="connsiteX24" fmla="*/ 1182986 w 1206976"/>
              <a:gd name="connsiteY24" fmla="*/ 292729 h 1013988"/>
              <a:gd name="connsiteX25" fmla="*/ 1164879 w 1206976"/>
              <a:gd name="connsiteY25" fmla="*/ 292729 h 1013988"/>
              <a:gd name="connsiteX26" fmla="*/ 1131683 w 1206976"/>
              <a:gd name="connsiteY26" fmla="*/ 271604 h 1013988"/>
              <a:gd name="connsiteX27" fmla="*/ 1089434 w 1206976"/>
              <a:gd name="connsiteY27" fmla="*/ 271604 h 1013988"/>
              <a:gd name="connsiteX28" fmla="*/ 1059256 w 1206976"/>
              <a:gd name="connsiteY28" fmla="*/ 268586 h 1013988"/>
              <a:gd name="connsiteX29" fmla="*/ 998899 w 1206976"/>
              <a:gd name="connsiteY29" fmla="*/ 235390 h 1013988"/>
              <a:gd name="connsiteX30" fmla="*/ 968721 w 1206976"/>
              <a:gd name="connsiteY30" fmla="*/ 247461 h 1013988"/>
              <a:gd name="connsiteX31" fmla="*/ 908364 w 1206976"/>
              <a:gd name="connsiteY31" fmla="*/ 220301 h 1013988"/>
              <a:gd name="connsiteX32" fmla="*/ 854044 w 1206976"/>
              <a:gd name="connsiteY32" fmla="*/ 235390 h 1013988"/>
              <a:gd name="connsiteX33" fmla="*/ 832919 w 1206976"/>
              <a:gd name="connsiteY33" fmla="*/ 226336 h 1013988"/>
              <a:gd name="connsiteX34" fmla="*/ 715224 w 1206976"/>
              <a:gd name="connsiteY34" fmla="*/ 226336 h 1013988"/>
              <a:gd name="connsiteX35" fmla="*/ 648832 w 1206976"/>
              <a:gd name="connsiteY35" fmla="*/ 181069 h 1013988"/>
              <a:gd name="connsiteX36" fmla="*/ 588475 w 1206976"/>
              <a:gd name="connsiteY36" fmla="*/ 208230 h 1013988"/>
              <a:gd name="connsiteX37" fmla="*/ 531137 w 1206976"/>
              <a:gd name="connsiteY37" fmla="*/ 144855 h 1013988"/>
              <a:gd name="connsiteX38" fmla="*/ 407406 w 1206976"/>
              <a:gd name="connsiteY38" fmla="*/ 172016 h 1013988"/>
              <a:gd name="connsiteX39" fmla="*/ 392317 w 1206976"/>
              <a:gd name="connsiteY39" fmla="*/ 60356 h 1013988"/>
              <a:gd name="connsiteX40" fmla="*/ 265568 w 1206976"/>
              <a:gd name="connsiteY40" fmla="*/ 0 h 1013988"/>
              <a:gd name="connsiteX0" fmla="*/ 265568 w 1206976"/>
              <a:gd name="connsiteY0" fmla="*/ 0 h 1013988"/>
              <a:gd name="connsiteX1" fmla="*/ 250479 w 1206976"/>
              <a:gd name="connsiteY1" fmla="*/ 72428 h 1013988"/>
              <a:gd name="connsiteX2" fmla="*/ 250479 w 1206976"/>
              <a:gd name="connsiteY2" fmla="*/ 114677 h 1013988"/>
              <a:gd name="connsiteX3" fmla="*/ 232372 w 1206976"/>
              <a:gd name="connsiteY3" fmla="*/ 132784 h 1013988"/>
              <a:gd name="connsiteX4" fmla="*/ 217283 w 1206976"/>
              <a:gd name="connsiteY4" fmla="*/ 193140 h 1013988"/>
              <a:gd name="connsiteX5" fmla="*/ 172016 w 1206976"/>
              <a:gd name="connsiteY5" fmla="*/ 238408 h 1013988"/>
              <a:gd name="connsiteX6" fmla="*/ 162962 w 1206976"/>
              <a:gd name="connsiteY6" fmla="*/ 325925 h 1013988"/>
              <a:gd name="connsiteX7" fmla="*/ 54321 w 1206976"/>
              <a:gd name="connsiteY7" fmla="*/ 476816 h 1013988"/>
              <a:gd name="connsiteX8" fmla="*/ 54321 w 1206976"/>
              <a:gd name="connsiteY8" fmla="*/ 519065 h 1013988"/>
              <a:gd name="connsiteX9" fmla="*/ 21125 w 1206976"/>
              <a:gd name="connsiteY9" fmla="*/ 558297 h 1013988"/>
              <a:gd name="connsiteX10" fmla="*/ 15089 w 1206976"/>
              <a:gd name="connsiteY10" fmla="*/ 615636 h 1013988"/>
              <a:gd name="connsiteX11" fmla="*/ 0 w 1206976"/>
              <a:gd name="connsiteY11" fmla="*/ 688063 h 1013988"/>
              <a:gd name="connsiteX12" fmla="*/ 6036 w 1206976"/>
              <a:gd name="connsiteY12" fmla="*/ 748420 h 1013988"/>
              <a:gd name="connsiteX13" fmla="*/ 591493 w 1206976"/>
              <a:gd name="connsiteY13" fmla="*/ 917418 h 1013988"/>
              <a:gd name="connsiteX14" fmla="*/ 1029077 w 1206976"/>
              <a:gd name="connsiteY14" fmla="*/ 1013988 h 1013988"/>
              <a:gd name="connsiteX15" fmla="*/ 1071327 w 1206976"/>
              <a:gd name="connsiteY15" fmla="*/ 712206 h 1013988"/>
              <a:gd name="connsiteX16" fmla="*/ 1107541 w 1206976"/>
              <a:gd name="connsiteY16" fmla="*/ 642796 h 1013988"/>
              <a:gd name="connsiteX17" fmla="*/ 1092452 w 1206976"/>
              <a:gd name="connsiteY17" fmla="*/ 612618 h 1013988"/>
              <a:gd name="connsiteX18" fmla="*/ 1083398 w 1206976"/>
              <a:gd name="connsiteY18" fmla="*/ 615636 h 1013988"/>
              <a:gd name="connsiteX19" fmla="*/ 1083398 w 1206976"/>
              <a:gd name="connsiteY19" fmla="*/ 543208 h 1013988"/>
              <a:gd name="connsiteX20" fmla="*/ 1134701 w 1206976"/>
              <a:gd name="connsiteY20" fmla="*/ 519065 h 1013988"/>
              <a:gd name="connsiteX21" fmla="*/ 1149790 w 1206976"/>
              <a:gd name="connsiteY21" fmla="*/ 419477 h 1013988"/>
              <a:gd name="connsiteX22" fmla="*/ 1206976 w 1206976"/>
              <a:gd name="connsiteY22" fmla="*/ 392317 h 1013988"/>
              <a:gd name="connsiteX23" fmla="*/ 1204592 w 1206976"/>
              <a:gd name="connsiteY23" fmla="*/ 322907 h 1013988"/>
              <a:gd name="connsiteX24" fmla="*/ 1182986 w 1206976"/>
              <a:gd name="connsiteY24" fmla="*/ 292729 h 1013988"/>
              <a:gd name="connsiteX25" fmla="*/ 1164879 w 1206976"/>
              <a:gd name="connsiteY25" fmla="*/ 292729 h 1013988"/>
              <a:gd name="connsiteX26" fmla="*/ 1131683 w 1206976"/>
              <a:gd name="connsiteY26" fmla="*/ 271604 h 1013988"/>
              <a:gd name="connsiteX27" fmla="*/ 1089434 w 1206976"/>
              <a:gd name="connsiteY27" fmla="*/ 271604 h 1013988"/>
              <a:gd name="connsiteX28" fmla="*/ 1059256 w 1206976"/>
              <a:gd name="connsiteY28" fmla="*/ 268586 h 1013988"/>
              <a:gd name="connsiteX29" fmla="*/ 998899 w 1206976"/>
              <a:gd name="connsiteY29" fmla="*/ 235390 h 1013988"/>
              <a:gd name="connsiteX30" fmla="*/ 968721 w 1206976"/>
              <a:gd name="connsiteY30" fmla="*/ 247461 h 1013988"/>
              <a:gd name="connsiteX31" fmla="*/ 908364 w 1206976"/>
              <a:gd name="connsiteY31" fmla="*/ 220301 h 1013988"/>
              <a:gd name="connsiteX32" fmla="*/ 854044 w 1206976"/>
              <a:gd name="connsiteY32" fmla="*/ 235390 h 1013988"/>
              <a:gd name="connsiteX33" fmla="*/ 832919 w 1206976"/>
              <a:gd name="connsiteY33" fmla="*/ 226336 h 1013988"/>
              <a:gd name="connsiteX34" fmla="*/ 717607 w 1206976"/>
              <a:gd name="connsiteY34" fmla="*/ 214435 h 1013988"/>
              <a:gd name="connsiteX35" fmla="*/ 648832 w 1206976"/>
              <a:gd name="connsiteY35" fmla="*/ 181069 h 1013988"/>
              <a:gd name="connsiteX36" fmla="*/ 588475 w 1206976"/>
              <a:gd name="connsiteY36" fmla="*/ 208230 h 1013988"/>
              <a:gd name="connsiteX37" fmla="*/ 531137 w 1206976"/>
              <a:gd name="connsiteY37" fmla="*/ 144855 h 1013988"/>
              <a:gd name="connsiteX38" fmla="*/ 407406 w 1206976"/>
              <a:gd name="connsiteY38" fmla="*/ 172016 h 1013988"/>
              <a:gd name="connsiteX39" fmla="*/ 392317 w 1206976"/>
              <a:gd name="connsiteY39" fmla="*/ 60356 h 1013988"/>
              <a:gd name="connsiteX40" fmla="*/ 265568 w 1206976"/>
              <a:gd name="connsiteY40" fmla="*/ 0 h 1013988"/>
              <a:gd name="connsiteX0" fmla="*/ 265568 w 1206976"/>
              <a:gd name="connsiteY0" fmla="*/ 0 h 1013988"/>
              <a:gd name="connsiteX1" fmla="*/ 250479 w 1206976"/>
              <a:gd name="connsiteY1" fmla="*/ 72428 h 1013988"/>
              <a:gd name="connsiteX2" fmla="*/ 250479 w 1206976"/>
              <a:gd name="connsiteY2" fmla="*/ 114677 h 1013988"/>
              <a:gd name="connsiteX3" fmla="*/ 232372 w 1206976"/>
              <a:gd name="connsiteY3" fmla="*/ 132784 h 1013988"/>
              <a:gd name="connsiteX4" fmla="*/ 217283 w 1206976"/>
              <a:gd name="connsiteY4" fmla="*/ 193140 h 1013988"/>
              <a:gd name="connsiteX5" fmla="*/ 172016 w 1206976"/>
              <a:gd name="connsiteY5" fmla="*/ 238408 h 1013988"/>
              <a:gd name="connsiteX6" fmla="*/ 162962 w 1206976"/>
              <a:gd name="connsiteY6" fmla="*/ 325925 h 1013988"/>
              <a:gd name="connsiteX7" fmla="*/ 54321 w 1206976"/>
              <a:gd name="connsiteY7" fmla="*/ 476816 h 1013988"/>
              <a:gd name="connsiteX8" fmla="*/ 54321 w 1206976"/>
              <a:gd name="connsiteY8" fmla="*/ 519065 h 1013988"/>
              <a:gd name="connsiteX9" fmla="*/ 21125 w 1206976"/>
              <a:gd name="connsiteY9" fmla="*/ 558297 h 1013988"/>
              <a:gd name="connsiteX10" fmla="*/ 15089 w 1206976"/>
              <a:gd name="connsiteY10" fmla="*/ 615636 h 1013988"/>
              <a:gd name="connsiteX11" fmla="*/ 0 w 1206976"/>
              <a:gd name="connsiteY11" fmla="*/ 688063 h 1013988"/>
              <a:gd name="connsiteX12" fmla="*/ 6036 w 1206976"/>
              <a:gd name="connsiteY12" fmla="*/ 748420 h 1013988"/>
              <a:gd name="connsiteX13" fmla="*/ 591493 w 1206976"/>
              <a:gd name="connsiteY13" fmla="*/ 917418 h 1013988"/>
              <a:gd name="connsiteX14" fmla="*/ 1029077 w 1206976"/>
              <a:gd name="connsiteY14" fmla="*/ 1013988 h 1013988"/>
              <a:gd name="connsiteX15" fmla="*/ 1071327 w 1206976"/>
              <a:gd name="connsiteY15" fmla="*/ 712206 h 1013988"/>
              <a:gd name="connsiteX16" fmla="*/ 1107541 w 1206976"/>
              <a:gd name="connsiteY16" fmla="*/ 642796 h 1013988"/>
              <a:gd name="connsiteX17" fmla="*/ 1092452 w 1206976"/>
              <a:gd name="connsiteY17" fmla="*/ 612618 h 1013988"/>
              <a:gd name="connsiteX18" fmla="*/ 1083398 w 1206976"/>
              <a:gd name="connsiteY18" fmla="*/ 615636 h 1013988"/>
              <a:gd name="connsiteX19" fmla="*/ 1083398 w 1206976"/>
              <a:gd name="connsiteY19" fmla="*/ 543208 h 1013988"/>
              <a:gd name="connsiteX20" fmla="*/ 1134701 w 1206976"/>
              <a:gd name="connsiteY20" fmla="*/ 519065 h 1013988"/>
              <a:gd name="connsiteX21" fmla="*/ 1149790 w 1206976"/>
              <a:gd name="connsiteY21" fmla="*/ 419477 h 1013988"/>
              <a:gd name="connsiteX22" fmla="*/ 1206976 w 1206976"/>
              <a:gd name="connsiteY22" fmla="*/ 392317 h 1013988"/>
              <a:gd name="connsiteX23" fmla="*/ 1204592 w 1206976"/>
              <a:gd name="connsiteY23" fmla="*/ 322907 h 1013988"/>
              <a:gd name="connsiteX24" fmla="*/ 1182986 w 1206976"/>
              <a:gd name="connsiteY24" fmla="*/ 292729 h 1013988"/>
              <a:gd name="connsiteX25" fmla="*/ 1164879 w 1206976"/>
              <a:gd name="connsiteY25" fmla="*/ 292729 h 1013988"/>
              <a:gd name="connsiteX26" fmla="*/ 1131683 w 1206976"/>
              <a:gd name="connsiteY26" fmla="*/ 271604 h 1013988"/>
              <a:gd name="connsiteX27" fmla="*/ 1089434 w 1206976"/>
              <a:gd name="connsiteY27" fmla="*/ 271604 h 1013988"/>
              <a:gd name="connsiteX28" fmla="*/ 1059256 w 1206976"/>
              <a:gd name="connsiteY28" fmla="*/ 268586 h 1013988"/>
              <a:gd name="connsiteX29" fmla="*/ 998899 w 1206976"/>
              <a:gd name="connsiteY29" fmla="*/ 235390 h 1013988"/>
              <a:gd name="connsiteX30" fmla="*/ 968721 w 1206976"/>
              <a:gd name="connsiteY30" fmla="*/ 247461 h 1013988"/>
              <a:gd name="connsiteX31" fmla="*/ 908364 w 1206976"/>
              <a:gd name="connsiteY31" fmla="*/ 220301 h 1013988"/>
              <a:gd name="connsiteX32" fmla="*/ 854044 w 1206976"/>
              <a:gd name="connsiteY32" fmla="*/ 235390 h 1013988"/>
              <a:gd name="connsiteX33" fmla="*/ 823384 w 1206976"/>
              <a:gd name="connsiteY33" fmla="*/ 219195 h 1013988"/>
              <a:gd name="connsiteX34" fmla="*/ 717607 w 1206976"/>
              <a:gd name="connsiteY34" fmla="*/ 214435 h 1013988"/>
              <a:gd name="connsiteX35" fmla="*/ 648832 w 1206976"/>
              <a:gd name="connsiteY35" fmla="*/ 181069 h 1013988"/>
              <a:gd name="connsiteX36" fmla="*/ 588475 w 1206976"/>
              <a:gd name="connsiteY36" fmla="*/ 208230 h 1013988"/>
              <a:gd name="connsiteX37" fmla="*/ 531137 w 1206976"/>
              <a:gd name="connsiteY37" fmla="*/ 144855 h 1013988"/>
              <a:gd name="connsiteX38" fmla="*/ 407406 w 1206976"/>
              <a:gd name="connsiteY38" fmla="*/ 172016 h 1013988"/>
              <a:gd name="connsiteX39" fmla="*/ 392317 w 1206976"/>
              <a:gd name="connsiteY39" fmla="*/ 60356 h 1013988"/>
              <a:gd name="connsiteX40" fmla="*/ 265568 w 1206976"/>
              <a:gd name="connsiteY40" fmla="*/ 0 h 1013988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4879 w 1206976"/>
              <a:gd name="connsiteY25" fmla="*/ 311771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59256 w 1206976"/>
              <a:gd name="connsiteY28" fmla="*/ 287628 h 1033030"/>
              <a:gd name="connsiteX29" fmla="*/ 998899 w 1206976"/>
              <a:gd name="connsiteY29" fmla="*/ 254432 h 1033030"/>
              <a:gd name="connsiteX30" fmla="*/ 968721 w 1206976"/>
              <a:gd name="connsiteY30" fmla="*/ 266503 h 1033030"/>
              <a:gd name="connsiteX31" fmla="*/ 908364 w 1206976"/>
              <a:gd name="connsiteY31" fmla="*/ 239343 h 1033030"/>
              <a:gd name="connsiteX32" fmla="*/ 854044 w 1206976"/>
              <a:gd name="connsiteY32" fmla="*/ 254432 h 1033030"/>
              <a:gd name="connsiteX33" fmla="*/ 823384 w 1206976"/>
              <a:gd name="connsiteY33" fmla="*/ 238237 h 1033030"/>
              <a:gd name="connsiteX34" fmla="*/ 717607 w 1206976"/>
              <a:gd name="connsiteY34" fmla="*/ 233477 h 1033030"/>
              <a:gd name="connsiteX35" fmla="*/ 648832 w 1206976"/>
              <a:gd name="connsiteY35" fmla="*/ 200111 h 1033030"/>
              <a:gd name="connsiteX36" fmla="*/ 588475 w 1206976"/>
              <a:gd name="connsiteY36" fmla="*/ 227272 h 1033030"/>
              <a:gd name="connsiteX37" fmla="*/ 531137 w 1206976"/>
              <a:gd name="connsiteY37" fmla="*/ 163897 h 1033030"/>
              <a:gd name="connsiteX38" fmla="*/ 407406 w 1206976"/>
              <a:gd name="connsiteY38" fmla="*/ 191058 h 1033030"/>
              <a:gd name="connsiteX39" fmla="*/ 392317 w 1206976"/>
              <a:gd name="connsiteY39" fmla="*/ 79398 h 1033030"/>
              <a:gd name="connsiteX40" fmla="*/ 275103 w 1206976"/>
              <a:gd name="connsiteY40" fmla="*/ 0 h 1033030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4879 w 1206976"/>
              <a:gd name="connsiteY25" fmla="*/ 311771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59256 w 1206976"/>
              <a:gd name="connsiteY28" fmla="*/ 287628 h 1033030"/>
              <a:gd name="connsiteX29" fmla="*/ 998899 w 1206976"/>
              <a:gd name="connsiteY29" fmla="*/ 254432 h 1033030"/>
              <a:gd name="connsiteX30" fmla="*/ 968721 w 1206976"/>
              <a:gd name="connsiteY30" fmla="*/ 266503 h 1033030"/>
              <a:gd name="connsiteX31" fmla="*/ 908364 w 1206976"/>
              <a:gd name="connsiteY31" fmla="*/ 239343 h 1033030"/>
              <a:gd name="connsiteX32" fmla="*/ 854044 w 1206976"/>
              <a:gd name="connsiteY32" fmla="*/ 254432 h 1033030"/>
              <a:gd name="connsiteX33" fmla="*/ 823384 w 1206976"/>
              <a:gd name="connsiteY33" fmla="*/ 238237 h 1033030"/>
              <a:gd name="connsiteX34" fmla="*/ 717607 w 1206976"/>
              <a:gd name="connsiteY34" fmla="*/ 233477 h 1033030"/>
              <a:gd name="connsiteX35" fmla="*/ 648832 w 1206976"/>
              <a:gd name="connsiteY35" fmla="*/ 200111 h 1033030"/>
              <a:gd name="connsiteX36" fmla="*/ 593242 w 1206976"/>
              <a:gd name="connsiteY36" fmla="*/ 215370 h 1033030"/>
              <a:gd name="connsiteX37" fmla="*/ 531137 w 1206976"/>
              <a:gd name="connsiteY37" fmla="*/ 163897 h 1033030"/>
              <a:gd name="connsiteX38" fmla="*/ 407406 w 1206976"/>
              <a:gd name="connsiteY38" fmla="*/ 191058 h 1033030"/>
              <a:gd name="connsiteX39" fmla="*/ 392317 w 1206976"/>
              <a:gd name="connsiteY39" fmla="*/ 79398 h 1033030"/>
              <a:gd name="connsiteX40" fmla="*/ 275103 w 1206976"/>
              <a:gd name="connsiteY40" fmla="*/ 0 h 1033030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4879 w 1206976"/>
              <a:gd name="connsiteY25" fmla="*/ 311771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61640 w 1206976"/>
              <a:gd name="connsiteY28" fmla="*/ 275727 h 1033030"/>
              <a:gd name="connsiteX29" fmla="*/ 998899 w 1206976"/>
              <a:gd name="connsiteY29" fmla="*/ 254432 h 1033030"/>
              <a:gd name="connsiteX30" fmla="*/ 968721 w 1206976"/>
              <a:gd name="connsiteY30" fmla="*/ 266503 h 1033030"/>
              <a:gd name="connsiteX31" fmla="*/ 908364 w 1206976"/>
              <a:gd name="connsiteY31" fmla="*/ 239343 h 1033030"/>
              <a:gd name="connsiteX32" fmla="*/ 854044 w 1206976"/>
              <a:gd name="connsiteY32" fmla="*/ 254432 h 1033030"/>
              <a:gd name="connsiteX33" fmla="*/ 823384 w 1206976"/>
              <a:gd name="connsiteY33" fmla="*/ 238237 h 1033030"/>
              <a:gd name="connsiteX34" fmla="*/ 717607 w 1206976"/>
              <a:gd name="connsiteY34" fmla="*/ 233477 h 1033030"/>
              <a:gd name="connsiteX35" fmla="*/ 648832 w 1206976"/>
              <a:gd name="connsiteY35" fmla="*/ 200111 h 1033030"/>
              <a:gd name="connsiteX36" fmla="*/ 593242 w 1206976"/>
              <a:gd name="connsiteY36" fmla="*/ 215370 h 1033030"/>
              <a:gd name="connsiteX37" fmla="*/ 531137 w 1206976"/>
              <a:gd name="connsiteY37" fmla="*/ 163897 h 1033030"/>
              <a:gd name="connsiteX38" fmla="*/ 407406 w 1206976"/>
              <a:gd name="connsiteY38" fmla="*/ 191058 h 1033030"/>
              <a:gd name="connsiteX39" fmla="*/ 392317 w 1206976"/>
              <a:gd name="connsiteY39" fmla="*/ 79398 h 1033030"/>
              <a:gd name="connsiteX40" fmla="*/ 275103 w 1206976"/>
              <a:gd name="connsiteY40" fmla="*/ 0 h 1033030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4879 w 1206976"/>
              <a:gd name="connsiteY25" fmla="*/ 311771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61640 w 1206976"/>
              <a:gd name="connsiteY28" fmla="*/ 275727 h 1033030"/>
              <a:gd name="connsiteX29" fmla="*/ 1006050 w 1206976"/>
              <a:gd name="connsiteY29" fmla="*/ 247291 h 1033030"/>
              <a:gd name="connsiteX30" fmla="*/ 968721 w 1206976"/>
              <a:gd name="connsiteY30" fmla="*/ 266503 h 1033030"/>
              <a:gd name="connsiteX31" fmla="*/ 908364 w 1206976"/>
              <a:gd name="connsiteY31" fmla="*/ 239343 h 1033030"/>
              <a:gd name="connsiteX32" fmla="*/ 854044 w 1206976"/>
              <a:gd name="connsiteY32" fmla="*/ 254432 h 1033030"/>
              <a:gd name="connsiteX33" fmla="*/ 823384 w 1206976"/>
              <a:gd name="connsiteY33" fmla="*/ 238237 h 1033030"/>
              <a:gd name="connsiteX34" fmla="*/ 717607 w 1206976"/>
              <a:gd name="connsiteY34" fmla="*/ 233477 h 1033030"/>
              <a:gd name="connsiteX35" fmla="*/ 648832 w 1206976"/>
              <a:gd name="connsiteY35" fmla="*/ 200111 h 1033030"/>
              <a:gd name="connsiteX36" fmla="*/ 593242 w 1206976"/>
              <a:gd name="connsiteY36" fmla="*/ 215370 h 1033030"/>
              <a:gd name="connsiteX37" fmla="*/ 531137 w 1206976"/>
              <a:gd name="connsiteY37" fmla="*/ 163897 h 1033030"/>
              <a:gd name="connsiteX38" fmla="*/ 407406 w 1206976"/>
              <a:gd name="connsiteY38" fmla="*/ 191058 h 1033030"/>
              <a:gd name="connsiteX39" fmla="*/ 392317 w 1206976"/>
              <a:gd name="connsiteY39" fmla="*/ 79398 h 1033030"/>
              <a:gd name="connsiteX40" fmla="*/ 275103 w 1206976"/>
              <a:gd name="connsiteY40" fmla="*/ 0 h 1033030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4879 w 1206976"/>
              <a:gd name="connsiteY25" fmla="*/ 311771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61640 w 1206976"/>
              <a:gd name="connsiteY28" fmla="*/ 275727 h 1033030"/>
              <a:gd name="connsiteX29" fmla="*/ 1006050 w 1206976"/>
              <a:gd name="connsiteY29" fmla="*/ 247291 h 1033030"/>
              <a:gd name="connsiteX30" fmla="*/ 968721 w 1206976"/>
              <a:gd name="connsiteY30" fmla="*/ 266503 h 1033030"/>
              <a:gd name="connsiteX31" fmla="*/ 966217 w 1206976"/>
              <a:gd name="connsiteY31" fmla="*/ 261034 h 1033030"/>
              <a:gd name="connsiteX32" fmla="*/ 908364 w 1206976"/>
              <a:gd name="connsiteY32" fmla="*/ 239343 h 1033030"/>
              <a:gd name="connsiteX33" fmla="*/ 854044 w 1206976"/>
              <a:gd name="connsiteY33" fmla="*/ 254432 h 1033030"/>
              <a:gd name="connsiteX34" fmla="*/ 823384 w 1206976"/>
              <a:gd name="connsiteY34" fmla="*/ 238237 h 1033030"/>
              <a:gd name="connsiteX35" fmla="*/ 717607 w 1206976"/>
              <a:gd name="connsiteY35" fmla="*/ 233477 h 1033030"/>
              <a:gd name="connsiteX36" fmla="*/ 648832 w 1206976"/>
              <a:gd name="connsiteY36" fmla="*/ 200111 h 1033030"/>
              <a:gd name="connsiteX37" fmla="*/ 593242 w 1206976"/>
              <a:gd name="connsiteY37" fmla="*/ 215370 h 1033030"/>
              <a:gd name="connsiteX38" fmla="*/ 531137 w 1206976"/>
              <a:gd name="connsiteY38" fmla="*/ 163897 h 1033030"/>
              <a:gd name="connsiteX39" fmla="*/ 407406 w 1206976"/>
              <a:gd name="connsiteY39" fmla="*/ 191058 h 1033030"/>
              <a:gd name="connsiteX40" fmla="*/ 392317 w 1206976"/>
              <a:gd name="connsiteY40" fmla="*/ 79398 h 1033030"/>
              <a:gd name="connsiteX41" fmla="*/ 275103 w 1206976"/>
              <a:gd name="connsiteY41" fmla="*/ 0 h 1033030"/>
              <a:gd name="connsiteX0" fmla="*/ 275103 w 1206976"/>
              <a:gd name="connsiteY0" fmla="*/ 0 h 1033030"/>
              <a:gd name="connsiteX1" fmla="*/ 250479 w 1206976"/>
              <a:gd name="connsiteY1" fmla="*/ 91470 h 1033030"/>
              <a:gd name="connsiteX2" fmla="*/ 250479 w 1206976"/>
              <a:gd name="connsiteY2" fmla="*/ 133719 h 1033030"/>
              <a:gd name="connsiteX3" fmla="*/ 232372 w 1206976"/>
              <a:gd name="connsiteY3" fmla="*/ 151826 h 1033030"/>
              <a:gd name="connsiteX4" fmla="*/ 217283 w 1206976"/>
              <a:gd name="connsiteY4" fmla="*/ 212182 h 1033030"/>
              <a:gd name="connsiteX5" fmla="*/ 172016 w 1206976"/>
              <a:gd name="connsiteY5" fmla="*/ 257450 h 1033030"/>
              <a:gd name="connsiteX6" fmla="*/ 162962 w 1206976"/>
              <a:gd name="connsiteY6" fmla="*/ 344967 h 1033030"/>
              <a:gd name="connsiteX7" fmla="*/ 54321 w 1206976"/>
              <a:gd name="connsiteY7" fmla="*/ 495858 h 1033030"/>
              <a:gd name="connsiteX8" fmla="*/ 54321 w 1206976"/>
              <a:gd name="connsiteY8" fmla="*/ 538107 h 1033030"/>
              <a:gd name="connsiteX9" fmla="*/ 21125 w 1206976"/>
              <a:gd name="connsiteY9" fmla="*/ 577339 h 1033030"/>
              <a:gd name="connsiteX10" fmla="*/ 15089 w 1206976"/>
              <a:gd name="connsiteY10" fmla="*/ 634678 h 1033030"/>
              <a:gd name="connsiteX11" fmla="*/ 0 w 1206976"/>
              <a:gd name="connsiteY11" fmla="*/ 707105 h 1033030"/>
              <a:gd name="connsiteX12" fmla="*/ 6036 w 1206976"/>
              <a:gd name="connsiteY12" fmla="*/ 767462 h 1033030"/>
              <a:gd name="connsiteX13" fmla="*/ 591493 w 1206976"/>
              <a:gd name="connsiteY13" fmla="*/ 936460 h 1033030"/>
              <a:gd name="connsiteX14" fmla="*/ 1029077 w 1206976"/>
              <a:gd name="connsiteY14" fmla="*/ 1033030 h 1033030"/>
              <a:gd name="connsiteX15" fmla="*/ 1071327 w 1206976"/>
              <a:gd name="connsiteY15" fmla="*/ 731248 h 1033030"/>
              <a:gd name="connsiteX16" fmla="*/ 1107541 w 1206976"/>
              <a:gd name="connsiteY16" fmla="*/ 661838 h 1033030"/>
              <a:gd name="connsiteX17" fmla="*/ 1092452 w 1206976"/>
              <a:gd name="connsiteY17" fmla="*/ 631660 h 1033030"/>
              <a:gd name="connsiteX18" fmla="*/ 1083398 w 1206976"/>
              <a:gd name="connsiteY18" fmla="*/ 634678 h 1033030"/>
              <a:gd name="connsiteX19" fmla="*/ 1083398 w 1206976"/>
              <a:gd name="connsiteY19" fmla="*/ 562250 h 1033030"/>
              <a:gd name="connsiteX20" fmla="*/ 1134701 w 1206976"/>
              <a:gd name="connsiteY20" fmla="*/ 538107 h 1033030"/>
              <a:gd name="connsiteX21" fmla="*/ 1149790 w 1206976"/>
              <a:gd name="connsiteY21" fmla="*/ 438519 h 1033030"/>
              <a:gd name="connsiteX22" fmla="*/ 1206976 w 1206976"/>
              <a:gd name="connsiteY22" fmla="*/ 411359 h 1033030"/>
              <a:gd name="connsiteX23" fmla="*/ 1204592 w 1206976"/>
              <a:gd name="connsiteY23" fmla="*/ 341949 h 1033030"/>
              <a:gd name="connsiteX24" fmla="*/ 1182986 w 1206976"/>
              <a:gd name="connsiteY24" fmla="*/ 311771 h 1033030"/>
              <a:gd name="connsiteX25" fmla="*/ 1167263 w 1206976"/>
              <a:gd name="connsiteY25" fmla="*/ 287969 h 1033030"/>
              <a:gd name="connsiteX26" fmla="*/ 1131683 w 1206976"/>
              <a:gd name="connsiteY26" fmla="*/ 290646 h 1033030"/>
              <a:gd name="connsiteX27" fmla="*/ 1089434 w 1206976"/>
              <a:gd name="connsiteY27" fmla="*/ 290646 h 1033030"/>
              <a:gd name="connsiteX28" fmla="*/ 1061640 w 1206976"/>
              <a:gd name="connsiteY28" fmla="*/ 275727 h 1033030"/>
              <a:gd name="connsiteX29" fmla="*/ 1006050 w 1206976"/>
              <a:gd name="connsiteY29" fmla="*/ 247291 h 1033030"/>
              <a:gd name="connsiteX30" fmla="*/ 968721 w 1206976"/>
              <a:gd name="connsiteY30" fmla="*/ 266503 h 1033030"/>
              <a:gd name="connsiteX31" fmla="*/ 966217 w 1206976"/>
              <a:gd name="connsiteY31" fmla="*/ 261034 h 1033030"/>
              <a:gd name="connsiteX32" fmla="*/ 908364 w 1206976"/>
              <a:gd name="connsiteY32" fmla="*/ 239343 h 1033030"/>
              <a:gd name="connsiteX33" fmla="*/ 854044 w 1206976"/>
              <a:gd name="connsiteY33" fmla="*/ 254432 h 1033030"/>
              <a:gd name="connsiteX34" fmla="*/ 823384 w 1206976"/>
              <a:gd name="connsiteY34" fmla="*/ 238237 h 1033030"/>
              <a:gd name="connsiteX35" fmla="*/ 717607 w 1206976"/>
              <a:gd name="connsiteY35" fmla="*/ 233477 h 1033030"/>
              <a:gd name="connsiteX36" fmla="*/ 648832 w 1206976"/>
              <a:gd name="connsiteY36" fmla="*/ 200111 h 1033030"/>
              <a:gd name="connsiteX37" fmla="*/ 593242 w 1206976"/>
              <a:gd name="connsiteY37" fmla="*/ 215370 h 1033030"/>
              <a:gd name="connsiteX38" fmla="*/ 531137 w 1206976"/>
              <a:gd name="connsiteY38" fmla="*/ 163897 h 1033030"/>
              <a:gd name="connsiteX39" fmla="*/ 407406 w 1206976"/>
              <a:gd name="connsiteY39" fmla="*/ 191058 h 1033030"/>
              <a:gd name="connsiteX40" fmla="*/ 392317 w 1206976"/>
              <a:gd name="connsiteY40" fmla="*/ 79398 h 1033030"/>
              <a:gd name="connsiteX41" fmla="*/ 275103 w 1206976"/>
              <a:gd name="connsiteY41" fmla="*/ 0 h 10330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1206976" h="1033030">
                <a:moveTo>
                  <a:pt x="275103" y="0"/>
                </a:moveTo>
                <a:lnTo>
                  <a:pt x="250479" y="91470"/>
                </a:lnTo>
                <a:lnTo>
                  <a:pt x="250479" y="133719"/>
                </a:lnTo>
                <a:lnTo>
                  <a:pt x="232372" y="151826"/>
                </a:lnTo>
                <a:lnTo>
                  <a:pt x="217283" y="212182"/>
                </a:lnTo>
                <a:lnTo>
                  <a:pt x="172016" y="257450"/>
                </a:lnTo>
                <a:lnTo>
                  <a:pt x="162962" y="344967"/>
                </a:lnTo>
                <a:lnTo>
                  <a:pt x="54321" y="495858"/>
                </a:lnTo>
                <a:lnTo>
                  <a:pt x="54321" y="538107"/>
                </a:lnTo>
                <a:lnTo>
                  <a:pt x="21125" y="577339"/>
                </a:lnTo>
                <a:lnTo>
                  <a:pt x="15089" y="634678"/>
                </a:lnTo>
                <a:lnTo>
                  <a:pt x="0" y="707105"/>
                </a:lnTo>
                <a:lnTo>
                  <a:pt x="6036" y="767462"/>
                </a:lnTo>
                <a:lnTo>
                  <a:pt x="591493" y="936460"/>
                </a:lnTo>
                <a:lnTo>
                  <a:pt x="1029077" y="1033030"/>
                </a:lnTo>
                <a:lnTo>
                  <a:pt x="1071327" y="731248"/>
                </a:lnTo>
                <a:lnTo>
                  <a:pt x="1107541" y="661838"/>
                </a:lnTo>
                <a:lnTo>
                  <a:pt x="1092452" y="631660"/>
                </a:lnTo>
                <a:lnTo>
                  <a:pt x="1083398" y="634678"/>
                </a:lnTo>
                <a:lnTo>
                  <a:pt x="1083398" y="562250"/>
                </a:lnTo>
                <a:lnTo>
                  <a:pt x="1134701" y="538107"/>
                </a:lnTo>
                <a:lnTo>
                  <a:pt x="1149790" y="438519"/>
                </a:lnTo>
                <a:lnTo>
                  <a:pt x="1206976" y="411359"/>
                </a:lnTo>
                <a:cubicBezTo>
                  <a:pt x="1206181" y="388222"/>
                  <a:pt x="1205387" y="365086"/>
                  <a:pt x="1204592" y="341949"/>
                </a:cubicBezTo>
                <a:lnTo>
                  <a:pt x="1182986" y="311771"/>
                </a:lnTo>
                <a:lnTo>
                  <a:pt x="1167263" y="287969"/>
                </a:lnTo>
                <a:lnTo>
                  <a:pt x="1131683" y="290646"/>
                </a:lnTo>
                <a:lnTo>
                  <a:pt x="1089434" y="290646"/>
                </a:lnTo>
                <a:lnTo>
                  <a:pt x="1061640" y="275727"/>
                </a:lnTo>
                <a:lnTo>
                  <a:pt x="1006050" y="247291"/>
                </a:lnTo>
                <a:lnTo>
                  <a:pt x="968721" y="266503"/>
                </a:lnTo>
                <a:cubicBezTo>
                  <a:pt x="965502" y="266267"/>
                  <a:pt x="969436" y="261270"/>
                  <a:pt x="966217" y="261034"/>
                </a:cubicBezTo>
                <a:lnTo>
                  <a:pt x="908364" y="239343"/>
                </a:lnTo>
                <a:lnTo>
                  <a:pt x="854044" y="254432"/>
                </a:lnTo>
                <a:lnTo>
                  <a:pt x="823384" y="238237"/>
                </a:lnTo>
                <a:lnTo>
                  <a:pt x="717607" y="233477"/>
                </a:lnTo>
                <a:lnTo>
                  <a:pt x="648832" y="200111"/>
                </a:lnTo>
                <a:lnTo>
                  <a:pt x="593242" y="215370"/>
                </a:lnTo>
                <a:lnTo>
                  <a:pt x="531137" y="163897"/>
                </a:lnTo>
                <a:lnTo>
                  <a:pt x="407406" y="191058"/>
                </a:lnTo>
                <a:lnTo>
                  <a:pt x="392317" y="79398"/>
                </a:lnTo>
                <a:lnTo>
                  <a:pt x="275103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0" name="Freeform 29"/>
          <p:cNvSpPr/>
          <p:nvPr userDrawn="1"/>
        </p:nvSpPr>
        <p:spPr>
          <a:xfrm rot="171972">
            <a:off x="1115958" y="2465929"/>
            <a:ext cx="979488" cy="1497012"/>
          </a:xfrm>
          <a:custGeom>
            <a:avLst/>
            <a:gdLst>
              <a:gd name="connsiteX0" fmla="*/ 111660 w 965703"/>
              <a:gd name="connsiteY0" fmla="*/ 0 h 1481751"/>
              <a:gd name="connsiteX1" fmla="*/ 0 w 965703"/>
              <a:gd name="connsiteY1" fmla="*/ 552262 h 1481751"/>
              <a:gd name="connsiteX2" fmla="*/ 669957 w 965703"/>
              <a:gd name="connsiteY2" fmla="*/ 1481751 h 1481751"/>
              <a:gd name="connsiteX3" fmla="*/ 700135 w 965703"/>
              <a:gd name="connsiteY3" fmla="*/ 1421394 h 1481751"/>
              <a:gd name="connsiteX4" fmla="*/ 688064 w 965703"/>
              <a:gd name="connsiteY4" fmla="*/ 1351984 h 1481751"/>
              <a:gd name="connsiteX5" fmla="*/ 712206 w 965703"/>
              <a:gd name="connsiteY5" fmla="*/ 1276539 h 1481751"/>
              <a:gd name="connsiteX6" fmla="*/ 808777 w 965703"/>
              <a:gd name="connsiteY6" fmla="*/ 1309735 h 1481751"/>
              <a:gd name="connsiteX7" fmla="*/ 965703 w 965703"/>
              <a:gd name="connsiteY7" fmla="*/ 178052 h 1481751"/>
              <a:gd name="connsiteX8" fmla="*/ 111660 w 965703"/>
              <a:gd name="connsiteY8" fmla="*/ 0 h 1481751"/>
              <a:gd name="connsiteX0" fmla="*/ 125955 w 979998"/>
              <a:gd name="connsiteY0" fmla="*/ 0 h 1481751"/>
              <a:gd name="connsiteX1" fmla="*/ 0 w 979998"/>
              <a:gd name="connsiteY1" fmla="*/ 552491 h 1481751"/>
              <a:gd name="connsiteX2" fmla="*/ 684252 w 979998"/>
              <a:gd name="connsiteY2" fmla="*/ 1481751 h 1481751"/>
              <a:gd name="connsiteX3" fmla="*/ 714430 w 979998"/>
              <a:gd name="connsiteY3" fmla="*/ 1421394 h 1481751"/>
              <a:gd name="connsiteX4" fmla="*/ 702359 w 979998"/>
              <a:gd name="connsiteY4" fmla="*/ 1351984 h 1481751"/>
              <a:gd name="connsiteX5" fmla="*/ 726501 w 979998"/>
              <a:gd name="connsiteY5" fmla="*/ 1276539 h 1481751"/>
              <a:gd name="connsiteX6" fmla="*/ 823072 w 979998"/>
              <a:gd name="connsiteY6" fmla="*/ 1309735 h 1481751"/>
              <a:gd name="connsiteX7" fmla="*/ 979998 w 979998"/>
              <a:gd name="connsiteY7" fmla="*/ 178052 h 1481751"/>
              <a:gd name="connsiteX8" fmla="*/ 125955 w 979998"/>
              <a:gd name="connsiteY8" fmla="*/ 0 h 1481751"/>
              <a:gd name="connsiteX0" fmla="*/ 125955 w 979998"/>
              <a:gd name="connsiteY0" fmla="*/ 0 h 1496659"/>
              <a:gd name="connsiteX1" fmla="*/ 0 w 979998"/>
              <a:gd name="connsiteY1" fmla="*/ 552491 h 1496659"/>
              <a:gd name="connsiteX2" fmla="*/ 684608 w 979998"/>
              <a:gd name="connsiteY2" fmla="*/ 1496659 h 1496659"/>
              <a:gd name="connsiteX3" fmla="*/ 714430 w 979998"/>
              <a:gd name="connsiteY3" fmla="*/ 1421394 h 1496659"/>
              <a:gd name="connsiteX4" fmla="*/ 702359 w 979998"/>
              <a:gd name="connsiteY4" fmla="*/ 1351984 h 1496659"/>
              <a:gd name="connsiteX5" fmla="*/ 726501 w 979998"/>
              <a:gd name="connsiteY5" fmla="*/ 1276539 h 1496659"/>
              <a:gd name="connsiteX6" fmla="*/ 823072 w 979998"/>
              <a:gd name="connsiteY6" fmla="*/ 1309735 h 1496659"/>
              <a:gd name="connsiteX7" fmla="*/ 979998 w 979998"/>
              <a:gd name="connsiteY7" fmla="*/ 178052 h 1496659"/>
              <a:gd name="connsiteX8" fmla="*/ 125955 w 979998"/>
              <a:gd name="connsiteY8" fmla="*/ 0 h 1496659"/>
              <a:gd name="connsiteX0" fmla="*/ 125955 w 979998"/>
              <a:gd name="connsiteY0" fmla="*/ 0 h 1496659"/>
              <a:gd name="connsiteX1" fmla="*/ 0 w 979998"/>
              <a:gd name="connsiteY1" fmla="*/ 552491 h 1496659"/>
              <a:gd name="connsiteX2" fmla="*/ 684608 w 979998"/>
              <a:gd name="connsiteY2" fmla="*/ 1496659 h 1496659"/>
              <a:gd name="connsiteX3" fmla="*/ 714430 w 979998"/>
              <a:gd name="connsiteY3" fmla="*/ 1421394 h 1496659"/>
              <a:gd name="connsiteX4" fmla="*/ 712255 w 979998"/>
              <a:gd name="connsiteY4" fmla="*/ 1359690 h 1496659"/>
              <a:gd name="connsiteX5" fmla="*/ 726501 w 979998"/>
              <a:gd name="connsiteY5" fmla="*/ 1276539 h 1496659"/>
              <a:gd name="connsiteX6" fmla="*/ 823072 w 979998"/>
              <a:gd name="connsiteY6" fmla="*/ 1309735 h 1496659"/>
              <a:gd name="connsiteX7" fmla="*/ 979998 w 979998"/>
              <a:gd name="connsiteY7" fmla="*/ 178052 h 1496659"/>
              <a:gd name="connsiteX8" fmla="*/ 125955 w 979998"/>
              <a:gd name="connsiteY8" fmla="*/ 0 h 1496659"/>
              <a:gd name="connsiteX0" fmla="*/ 125955 w 979998"/>
              <a:gd name="connsiteY0" fmla="*/ 0 h 1496659"/>
              <a:gd name="connsiteX1" fmla="*/ 0 w 979998"/>
              <a:gd name="connsiteY1" fmla="*/ 552491 h 1496659"/>
              <a:gd name="connsiteX2" fmla="*/ 684608 w 979998"/>
              <a:gd name="connsiteY2" fmla="*/ 1496659 h 1496659"/>
              <a:gd name="connsiteX3" fmla="*/ 714430 w 979998"/>
              <a:gd name="connsiteY3" fmla="*/ 1421394 h 1496659"/>
              <a:gd name="connsiteX4" fmla="*/ 712255 w 979998"/>
              <a:gd name="connsiteY4" fmla="*/ 1359690 h 1496659"/>
              <a:gd name="connsiteX5" fmla="*/ 743557 w 979998"/>
              <a:gd name="connsiteY5" fmla="*/ 1288979 h 1496659"/>
              <a:gd name="connsiteX6" fmla="*/ 823072 w 979998"/>
              <a:gd name="connsiteY6" fmla="*/ 1309735 h 1496659"/>
              <a:gd name="connsiteX7" fmla="*/ 979998 w 979998"/>
              <a:gd name="connsiteY7" fmla="*/ 178052 h 1496659"/>
              <a:gd name="connsiteX8" fmla="*/ 125955 w 979998"/>
              <a:gd name="connsiteY8" fmla="*/ 0 h 14966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79998" h="1496659">
                <a:moveTo>
                  <a:pt x="125955" y="0"/>
                </a:moveTo>
                <a:lnTo>
                  <a:pt x="0" y="552491"/>
                </a:lnTo>
                <a:lnTo>
                  <a:pt x="684608" y="1496659"/>
                </a:lnTo>
                <a:lnTo>
                  <a:pt x="714430" y="1421394"/>
                </a:lnTo>
                <a:lnTo>
                  <a:pt x="712255" y="1359690"/>
                </a:lnTo>
                <a:lnTo>
                  <a:pt x="743557" y="1288979"/>
                </a:lnTo>
                <a:lnTo>
                  <a:pt x="823072" y="1309735"/>
                </a:lnTo>
                <a:lnTo>
                  <a:pt x="979998" y="178052"/>
                </a:lnTo>
                <a:lnTo>
                  <a:pt x="125955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1" name="Freeform 30"/>
          <p:cNvSpPr/>
          <p:nvPr userDrawn="1"/>
        </p:nvSpPr>
        <p:spPr>
          <a:xfrm rot="171972">
            <a:off x="1962754" y="2682508"/>
            <a:ext cx="836612" cy="1076325"/>
          </a:xfrm>
          <a:custGeom>
            <a:avLst/>
            <a:gdLst>
              <a:gd name="connsiteX0" fmla="*/ 132784 w 835937"/>
              <a:gd name="connsiteY0" fmla="*/ 0 h 1059255"/>
              <a:gd name="connsiteX1" fmla="*/ 0 w 835937"/>
              <a:gd name="connsiteY1" fmla="*/ 956649 h 1059255"/>
              <a:gd name="connsiteX2" fmla="*/ 775580 w 835937"/>
              <a:gd name="connsiteY2" fmla="*/ 1059255 h 1059255"/>
              <a:gd name="connsiteX3" fmla="*/ 835937 w 835937"/>
              <a:gd name="connsiteY3" fmla="*/ 286693 h 1059255"/>
              <a:gd name="connsiteX4" fmla="*/ 540190 w 835937"/>
              <a:gd name="connsiteY4" fmla="*/ 250479 h 1059255"/>
              <a:gd name="connsiteX5" fmla="*/ 555279 w 835937"/>
              <a:gd name="connsiteY5" fmla="*/ 69410 h 1059255"/>
              <a:gd name="connsiteX6" fmla="*/ 132784 w 835937"/>
              <a:gd name="connsiteY6" fmla="*/ 0 h 1059255"/>
              <a:gd name="connsiteX0" fmla="*/ 132784 w 835937"/>
              <a:gd name="connsiteY0" fmla="*/ 0 h 1075929"/>
              <a:gd name="connsiteX1" fmla="*/ 0 w 835937"/>
              <a:gd name="connsiteY1" fmla="*/ 956649 h 1075929"/>
              <a:gd name="connsiteX2" fmla="*/ 763683 w 835937"/>
              <a:gd name="connsiteY2" fmla="*/ 1075929 h 1075929"/>
              <a:gd name="connsiteX3" fmla="*/ 835937 w 835937"/>
              <a:gd name="connsiteY3" fmla="*/ 286693 h 1075929"/>
              <a:gd name="connsiteX4" fmla="*/ 540190 w 835937"/>
              <a:gd name="connsiteY4" fmla="*/ 250479 h 1075929"/>
              <a:gd name="connsiteX5" fmla="*/ 555279 w 835937"/>
              <a:gd name="connsiteY5" fmla="*/ 69410 h 1075929"/>
              <a:gd name="connsiteX6" fmla="*/ 132784 w 835937"/>
              <a:gd name="connsiteY6" fmla="*/ 0 h 10759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35937" h="1075929">
                <a:moveTo>
                  <a:pt x="132784" y="0"/>
                </a:moveTo>
                <a:lnTo>
                  <a:pt x="0" y="956649"/>
                </a:lnTo>
                <a:lnTo>
                  <a:pt x="763683" y="1075929"/>
                </a:lnTo>
                <a:lnTo>
                  <a:pt x="835937" y="286693"/>
                </a:lnTo>
                <a:lnTo>
                  <a:pt x="540190" y="250479"/>
                </a:lnTo>
                <a:lnTo>
                  <a:pt x="555279" y="69410"/>
                </a:lnTo>
                <a:lnTo>
                  <a:pt x="132784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2" name="Freeform 31"/>
          <p:cNvSpPr/>
          <p:nvPr userDrawn="1"/>
        </p:nvSpPr>
        <p:spPr>
          <a:xfrm rot="171972">
            <a:off x="1689603" y="3632856"/>
            <a:ext cx="992187" cy="1201737"/>
          </a:xfrm>
          <a:custGeom>
            <a:avLst/>
            <a:gdLst>
              <a:gd name="connsiteX0" fmla="*/ 223319 w 995882"/>
              <a:gd name="connsiteY0" fmla="*/ 0 h 1201093"/>
              <a:gd name="connsiteX1" fmla="*/ 199177 w 995882"/>
              <a:gd name="connsiteY1" fmla="*/ 172016 h 1201093"/>
              <a:gd name="connsiteX2" fmla="*/ 108642 w 995882"/>
              <a:gd name="connsiteY2" fmla="*/ 147873 h 1201093"/>
              <a:gd name="connsiteX3" fmla="*/ 75446 w 995882"/>
              <a:gd name="connsiteY3" fmla="*/ 223319 h 1201093"/>
              <a:gd name="connsiteX4" fmla="*/ 84499 w 995882"/>
              <a:gd name="connsiteY4" fmla="*/ 286693 h 1201093"/>
              <a:gd name="connsiteX5" fmla="*/ 66392 w 995882"/>
              <a:gd name="connsiteY5" fmla="*/ 344032 h 1201093"/>
              <a:gd name="connsiteX6" fmla="*/ 78464 w 995882"/>
              <a:gd name="connsiteY6" fmla="*/ 383264 h 1201093"/>
              <a:gd name="connsiteX7" fmla="*/ 132785 w 995882"/>
              <a:gd name="connsiteY7" fmla="*/ 510012 h 1201093"/>
              <a:gd name="connsiteX8" fmla="*/ 132785 w 995882"/>
              <a:gd name="connsiteY8" fmla="*/ 528119 h 1201093"/>
              <a:gd name="connsiteX9" fmla="*/ 78464 w 995882"/>
              <a:gd name="connsiteY9" fmla="*/ 552262 h 1201093"/>
              <a:gd name="connsiteX10" fmla="*/ 66392 w 995882"/>
              <a:gd name="connsiteY10" fmla="*/ 633743 h 1201093"/>
              <a:gd name="connsiteX11" fmla="*/ 15089 w 995882"/>
              <a:gd name="connsiteY11" fmla="*/ 715224 h 1201093"/>
              <a:gd name="connsiteX12" fmla="*/ 45268 w 995882"/>
              <a:gd name="connsiteY12" fmla="*/ 802741 h 1201093"/>
              <a:gd name="connsiteX13" fmla="*/ 21125 w 995882"/>
              <a:gd name="connsiteY13" fmla="*/ 787652 h 1201093"/>
              <a:gd name="connsiteX14" fmla="*/ 0 w 995882"/>
              <a:gd name="connsiteY14" fmla="*/ 811794 h 1201093"/>
              <a:gd name="connsiteX15" fmla="*/ 0 w 995882"/>
              <a:gd name="connsiteY15" fmla="*/ 838955 h 1201093"/>
              <a:gd name="connsiteX16" fmla="*/ 576404 w 995882"/>
              <a:gd name="connsiteY16" fmla="*/ 1170915 h 1201093"/>
              <a:gd name="connsiteX17" fmla="*/ 908365 w 995882"/>
              <a:gd name="connsiteY17" fmla="*/ 1201093 h 1201093"/>
              <a:gd name="connsiteX18" fmla="*/ 995882 w 995882"/>
              <a:gd name="connsiteY18" fmla="*/ 102606 h 1201093"/>
              <a:gd name="connsiteX19" fmla="*/ 223319 w 995882"/>
              <a:gd name="connsiteY19" fmla="*/ 0 h 1201093"/>
              <a:gd name="connsiteX0" fmla="*/ 223319 w 995882"/>
              <a:gd name="connsiteY0" fmla="*/ 0 h 1201093"/>
              <a:gd name="connsiteX1" fmla="*/ 199177 w 995882"/>
              <a:gd name="connsiteY1" fmla="*/ 172016 h 1201093"/>
              <a:gd name="connsiteX2" fmla="*/ 108642 w 995882"/>
              <a:gd name="connsiteY2" fmla="*/ 147873 h 1201093"/>
              <a:gd name="connsiteX3" fmla="*/ 75446 w 995882"/>
              <a:gd name="connsiteY3" fmla="*/ 223319 h 1201093"/>
              <a:gd name="connsiteX4" fmla="*/ 84499 w 995882"/>
              <a:gd name="connsiteY4" fmla="*/ 286693 h 1201093"/>
              <a:gd name="connsiteX5" fmla="*/ 66392 w 995882"/>
              <a:gd name="connsiteY5" fmla="*/ 344032 h 1201093"/>
              <a:gd name="connsiteX6" fmla="*/ 78464 w 995882"/>
              <a:gd name="connsiteY6" fmla="*/ 383264 h 1201093"/>
              <a:gd name="connsiteX7" fmla="*/ 132785 w 995882"/>
              <a:gd name="connsiteY7" fmla="*/ 510012 h 1201093"/>
              <a:gd name="connsiteX8" fmla="*/ 132785 w 995882"/>
              <a:gd name="connsiteY8" fmla="*/ 528119 h 1201093"/>
              <a:gd name="connsiteX9" fmla="*/ 78464 w 995882"/>
              <a:gd name="connsiteY9" fmla="*/ 552262 h 1201093"/>
              <a:gd name="connsiteX10" fmla="*/ 66392 w 995882"/>
              <a:gd name="connsiteY10" fmla="*/ 633743 h 1201093"/>
              <a:gd name="connsiteX11" fmla="*/ 15089 w 995882"/>
              <a:gd name="connsiteY11" fmla="*/ 715224 h 1201093"/>
              <a:gd name="connsiteX12" fmla="*/ 21125 w 995882"/>
              <a:gd name="connsiteY12" fmla="*/ 787652 h 1201093"/>
              <a:gd name="connsiteX13" fmla="*/ 0 w 995882"/>
              <a:gd name="connsiteY13" fmla="*/ 811794 h 1201093"/>
              <a:gd name="connsiteX14" fmla="*/ 0 w 995882"/>
              <a:gd name="connsiteY14" fmla="*/ 838955 h 1201093"/>
              <a:gd name="connsiteX15" fmla="*/ 576404 w 995882"/>
              <a:gd name="connsiteY15" fmla="*/ 1170915 h 1201093"/>
              <a:gd name="connsiteX16" fmla="*/ 908365 w 995882"/>
              <a:gd name="connsiteY16" fmla="*/ 1201093 h 1201093"/>
              <a:gd name="connsiteX17" fmla="*/ 995882 w 995882"/>
              <a:gd name="connsiteY17" fmla="*/ 102606 h 1201093"/>
              <a:gd name="connsiteX18" fmla="*/ 223319 w 995882"/>
              <a:gd name="connsiteY18" fmla="*/ 0 h 1201093"/>
              <a:gd name="connsiteX0" fmla="*/ 223319 w 991638"/>
              <a:gd name="connsiteY0" fmla="*/ 0 h 1201093"/>
              <a:gd name="connsiteX1" fmla="*/ 199177 w 991638"/>
              <a:gd name="connsiteY1" fmla="*/ 172016 h 1201093"/>
              <a:gd name="connsiteX2" fmla="*/ 108642 w 991638"/>
              <a:gd name="connsiteY2" fmla="*/ 147873 h 1201093"/>
              <a:gd name="connsiteX3" fmla="*/ 75446 w 991638"/>
              <a:gd name="connsiteY3" fmla="*/ 223319 h 1201093"/>
              <a:gd name="connsiteX4" fmla="*/ 84499 w 991638"/>
              <a:gd name="connsiteY4" fmla="*/ 286693 h 1201093"/>
              <a:gd name="connsiteX5" fmla="*/ 66392 w 991638"/>
              <a:gd name="connsiteY5" fmla="*/ 344032 h 1201093"/>
              <a:gd name="connsiteX6" fmla="*/ 78464 w 991638"/>
              <a:gd name="connsiteY6" fmla="*/ 383264 h 1201093"/>
              <a:gd name="connsiteX7" fmla="*/ 132785 w 991638"/>
              <a:gd name="connsiteY7" fmla="*/ 510012 h 1201093"/>
              <a:gd name="connsiteX8" fmla="*/ 132785 w 991638"/>
              <a:gd name="connsiteY8" fmla="*/ 528119 h 1201093"/>
              <a:gd name="connsiteX9" fmla="*/ 78464 w 991638"/>
              <a:gd name="connsiteY9" fmla="*/ 552262 h 1201093"/>
              <a:gd name="connsiteX10" fmla="*/ 66392 w 991638"/>
              <a:gd name="connsiteY10" fmla="*/ 633743 h 1201093"/>
              <a:gd name="connsiteX11" fmla="*/ 15089 w 991638"/>
              <a:gd name="connsiteY11" fmla="*/ 715224 h 1201093"/>
              <a:gd name="connsiteX12" fmla="*/ 21125 w 991638"/>
              <a:gd name="connsiteY12" fmla="*/ 787652 h 1201093"/>
              <a:gd name="connsiteX13" fmla="*/ 0 w 991638"/>
              <a:gd name="connsiteY13" fmla="*/ 811794 h 1201093"/>
              <a:gd name="connsiteX14" fmla="*/ 0 w 991638"/>
              <a:gd name="connsiteY14" fmla="*/ 838955 h 1201093"/>
              <a:gd name="connsiteX15" fmla="*/ 576404 w 991638"/>
              <a:gd name="connsiteY15" fmla="*/ 1170915 h 1201093"/>
              <a:gd name="connsiteX16" fmla="*/ 908365 w 991638"/>
              <a:gd name="connsiteY16" fmla="*/ 1201093 h 1201093"/>
              <a:gd name="connsiteX17" fmla="*/ 991638 w 991638"/>
              <a:gd name="connsiteY17" fmla="*/ 112071 h 1201093"/>
              <a:gd name="connsiteX18" fmla="*/ 223319 w 991638"/>
              <a:gd name="connsiteY18" fmla="*/ 0 h 1201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991638" h="1201093">
                <a:moveTo>
                  <a:pt x="223319" y="0"/>
                </a:moveTo>
                <a:lnTo>
                  <a:pt x="199177" y="172016"/>
                </a:lnTo>
                <a:lnTo>
                  <a:pt x="108642" y="147873"/>
                </a:lnTo>
                <a:lnTo>
                  <a:pt x="75446" y="223319"/>
                </a:lnTo>
                <a:lnTo>
                  <a:pt x="84499" y="286693"/>
                </a:lnTo>
                <a:lnTo>
                  <a:pt x="66392" y="344032"/>
                </a:lnTo>
                <a:lnTo>
                  <a:pt x="78464" y="383264"/>
                </a:lnTo>
                <a:lnTo>
                  <a:pt x="132785" y="510012"/>
                </a:lnTo>
                <a:lnTo>
                  <a:pt x="132785" y="528119"/>
                </a:lnTo>
                <a:lnTo>
                  <a:pt x="78464" y="552262"/>
                </a:lnTo>
                <a:lnTo>
                  <a:pt x="66392" y="633743"/>
                </a:lnTo>
                <a:lnTo>
                  <a:pt x="15089" y="715224"/>
                </a:lnTo>
                <a:lnTo>
                  <a:pt x="21125" y="787652"/>
                </a:lnTo>
                <a:lnTo>
                  <a:pt x="0" y="811794"/>
                </a:lnTo>
                <a:lnTo>
                  <a:pt x="0" y="838955"/>
                </a:lnTo>
                <a:lnTo>
                  <a:pt x="576404" y="1170915"/>
                </a:lnTo>
                <a:lnTo>
                  <a:pt x="908365" y="1201093"/>
                </a:lnTo>
                <a:lnTo>
                  <a:pt x="991638" y="112071"/>
                </a:lnTo>
                <a:lnTo>
                  <a:pt x="223319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3" name="Freeform 32"/>
          <p:cNvSpPr/>
          <p:nvPr userDrawn="1"/>
        </p:nvSpPr>
        <p:spPr>
          <a:xfrm rot="171972">
            <a:off x="2587058" y="3788237"/>
            <a:ext cx="1025525" cy="1106488"/>
          </a:xfrm>
          <a:custGeom>
            <a:avLst/>
            <a:gdLst>
              <a:gd name="connsiteX0" fmla="*/ 87517 w 1026059"/>
              <a:gd name="connsiteY0" fmla="*/ 0 h 1107540"/>
              <a:gd name="connsiteX1" fmla="*/ 0 w 1026059"/>
              <a:gd name="connsiteY1" fmla="*/ 1098487 h 1107540"/>
              <a:gd name="connsiteX2" fmla="*/ 165980 w 1026059"/>
              <a:gd name="connsiteY2" fmla="*/ 1107540 h 1107540"/>
              <a:gd name="connsiteX3" fmla="*/ 172016 w 1026059"/>
              <a:gd name="connsiteY3" fmla="*/ 1029077 h 1107540"/>
              <a:gd name="connsiteX4" fmla="*/ 416459 w 1026059"/>
              <a:gd name="connsiteY4" fmla="*/ 1032095 h 1107540"/>
              <a:gd name="connsiteX5" fmla="*/ 425513 w 1026059"/>
              <a:gd name="connsiteY5" fmla="*/ 992863 h 1107540"/>
              <a:gd name="connsiteX6" fmla="*/ 1010970 w 1026059"/>
              <a:gd name="connsiteY6" fmla="*/ 1020023 h 1107540"/>
              <a:gd name="connsiteX7" fmla="*/ 1026059 w 1026059"/>
              <a:gd name="connsiteY7" fmla="*/ 54321 h 1107540"/>
              <a:gd name="connsiteX8" fmla="*/ 377228 w 1026059"/>
              <a:gd name="connsiteY8" fmla="*/ 24142 h 1107540"/>
              <a:gd name="connsiteX9" fmla="*/ 238408 w 1026059"/>
              <a:gd name="connsiteY9" fmla="*/ 9053 h 1107540"/>
              <a:gd name="connsiteX10" fmla="*/ 87517 w 1026059"/>
              <a:gd name="connsiteY10" fmla="*/ 0 h 11075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026059" h="1107540">
                <a:moveTo>
                  <a:pt x="87517" y="0"/>
                </a:moveTo>
                <a:lnTo>
                  <a:pt x="0" y="1098487"/>
                </a:lnTo>
                <a:lnTo>
                  <a:pt x="165980" y="1107540"/>
                </a:lnTo>
                <a:lnTo>
                  <a:pt x="172016" y="1029077"/>
                </a:lnTo>
                <a:lnTo>
                  <a:pt x="416459" y="1032095"/>
                </a:lnTo>
                <a:lnTo>
                  <a:pt x="425513" y="992863"/>
                </a:lnTo>
                <a:lnTo>
                  <a:pt x="1010970" y="1020023"/>
                </a:lnTo>
                <a:lnTo>
                  <a:pt x="1026059" y="54321"/>
                </a:lnTo>
                <a:lnTo>
                  <a:pt x="377228" y="24142"/>
                </a:lnTo>
                <a:lnTo>
                  <a:pt x="238408" y="9053"/>
                </a:lnTo>
                <a:lnTo>
                  <a:pt x="87517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4" name="Freeform 33"/>
          <p:cNvSpPr/>
          <p:nvPr userDrawn="1"/>
        </p:nvSpPr>
        <p:spPr>
          <a:xfrm rot="171972">
            <a:off x="2718434" y="3012819"/>
            <a:ext cx="1096962" cy="839787"/>
          </a:xfrm>
          <a:custGeom>
            <a:avLst/>
            <a:gdLst>
              <a:gd name="connsiteX0" fmla="*/ 54321 w 1083398"/>
              <a:gd name="connsiteY0" fmla="*/ 0 h 838954"/>
              <a:gd name="connsiteX1" fmla="*/ 0 w 1083398"/>
              <a:gd name="connsiteY1" fmla="*/ 778598 h 838954"/>
              <a:gd name="connsiteX2" fmla="*/ 359121 w 1083398"/>
              <a:gd name="connsiteY2" fmla="*/ 811794 h 838954"/>
              <a:gd name="connsiteX3" fmla="*/ 926471 w 1083398"/>
              <a:gd name="connsiteY3" fmla="*/ 838954 h 838954"/>
              <a:gd name="connsiteX4" fmla="*/ 1071327 w 1083398"/>
              <a:gd name="connsiteY4" fmla="*/ 832919 h 838954"/>
              <a:gd name="connsiteX5" fmla="*/ 1083398 w 1083398"/>
              <a:gd name="connsiteY5" fmla="*/ 69410 h 838954"/>
              <a:gd name="connsiteX6" fmla="*/ 639778 w 1083398"/>
              <a:gd name="connsiteY6" fmla="*/ 45267 h 838954"/>
              <a:gd name="connsiteX7" fmla="*/ 416460 w 1083398"/>
              <a:gd name="connsiteY7" fmla="*/ 27160 h 838954"/>
              <a:gd name="connsiteX8" fmla="*/ 54321 w 1083398"/>
              <a:gd name="connsiteY8" fmla="*/ 0 h 838954"/>
              <a:gd name="connsiteX0" fmla="*/ 68618 w 1097695"/>
              <a:gd name="connsiteY0" fmla="*/ 0 h 838954"/>
              <a:gd name="connsiteX1" fmla="*/ 0 w 1097695"/>
              <a:gd name="connsiteY1" fmla="*/ 780977 h 838954"/>
              <a:gd name="connsiteX2" fmla="*/ 373418 w 1097695"/>
              <a:gd name="connsiteY2" fmla="*/ 811794 h 838954"/>
              <a:gd name="connsiteX3" fmla="*/ 940768 w 1097695"/>
              <a:gd name="connsiteY3" fmla="*/ 838954 h 838954"/>
              <a:gd name="connsiteX4" fmla="*/ 1085624 w 1097695"/>
              <a:gd name="connsiteY4" fmla="*/ 832919 h 838954"/>
              <a:gd name="connsiteX5" fmla="*/ 1097695 w 1097695"/>
              <a:gd name="connsiteY5" fmla="*/ 69410 h 838954"/>
              <a:gd name="connsiteX6" fmla="*/ 654075 w 1097695"/>
              <a:gd name="connsiteY6" fmla="*/ 45267 h 838954"/>
              <a:gd name="connsiteX7" fmla="*/ 430757 w 1097695"/>
              <a:gd name="connsiteY7" fmla="*/ 27160 h 838954"/>
              <a:gd name="connsiteX8" fmla="*/ 68618 w 1097695"/>
              <a:gd name="connsiteY8" fmla="*/ 0 h 8389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97695" h="838954">
                <a:moveTo>
                  <a:pt x="68618" y="0"/>
                </a:moveTo>
                <a:lnTo>
                  <a:pt x="0" y="780977"/>
                </a:lnTo>
                <a:lnTo>
                  <a:pt x="373418" y="811794"/>
                </a:lnTo>
                <a:lnTo>
                  <a:pt x="940768" y="838954"/>
                </a:lnTo>
                <a:lnTo>
                  <a:pt x="1085624" y="832919"/>
                </a:lnTo>
                <a:lnTo>
                  <a:pt x="1097695" y="69410"/>
                </a:lnTo>
                <a:lnTo>
                  <a:pt x="654075" y="45267"/>
                </a:lnTo>
                <a:lnTo>
                  <a:pt x="430757" y="27160"/>
                </a:lnTo>
                <a:lnTo>
                  <a:pt x="68618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5" name="Freeform 34"/>
          <p:cNvSpPr/>
          <p:nvPr userDrawn="1"/>
        </p:nvSpPr>
        <p:spPr>
          <a:xfrm rot="171972">
            <a:off x="2538918" y="2211041"/>
            <a:ext cx="1047750" cy="850900"/>
          </a:xfrm>
          <a:custGeom>
            <a:avLst/>
            <a:gdLst>
              <a:gd name="connsiteX0" fmla="*/ 81481 w 1047184"/>
              <a:gd name="connsiteY0" fmla="*/ 0 h 851025"/>
              <a:gd name="connsiteX1" fmla="*/ 12071 w 1047184"/>
              <a:gd name="connsiteY1" fmla="*/ 576404 h 851025"/>
              <a:gd name="connsiteX2" fmla="*/ 0 w 1047184"/>
              <a:gd name="connsiteY2" fmla="*/ 751437 h 851025"/>
              <a:gd name="connsiteX3" fmla="*/ 289711 w 1047184"/>
              <a:gd name="connsiteY3" fmla="*/ 796705 h 851025"/>
              <a:gd name="connsiteX4" fmla="*/ 1017006 w 1047184"/>
              <a:gd name="connsiteY4" fmla="*/ 851025 h 851025"/>
              <a:gd name="connsiteX5" fmla="*/ 1047184 w 1047184"/>
              <a:gd name="connsiteY5" fmla="*/ 78463 h 851025"/>
              <a:gd name="connsiteX6" fmla="*/ 81481 w 1047184"/>
              <a:gd name="connsiteY6" fmla="*/ 0 h 8510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047184" h="851025">
                <a:moveTo>
                  <a:pt x="81481" y="0"/>
                </a:moveTo>
                <a:lnTo>
                  <a:pt x="12071" y="576404"/>
                </a:lnTo>
                <a:lnTo>
                  <a:pt x="0" y="751437"/>
                </a:lnTo>
                <a:lnTo>
                  <a:pt x="289711" y="796705"/>
                </a:lnTo>
                <a:lnTo>
                  <a:pt x="1017006" y="851025"/>
                </a:lnTo>
                <a:lnTo>
                  <a:pt x="1047184" y="78463"/>
                </a:lnTo>
                <a:lnTo>
                  <a:pt x="81481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6" name="Freeform 35"/>
          <p:cNvSpPr/>
          <p:nvPr userDrawn="1"/>
        </p:nvSpPr>
        <p:spPr>
          <a:xfrm rot="171972">
            <a:off x="2091843" y="1349949"/>
            <a:ext cx="1574800" cy="952500"/>
          </a:xfrm>
          <a:custGeom>
            <a:avLst/>
            <a:gdLst>
              <a:gd name="connsiteX0" fmla="*/ 27160 w 1572285"/>
              <a:gd name="connsiteY0" fmla="*/ 0 h 944578"/>
              <a:gd name="connsiteX1" fmla="*/ 24142 w 1572285"/>
              <a:gd name="connsiteY1" fmla="*/ 63374 h 944578"/>
              <a:gd name="connsiteX2" fmla="*/ 0 w 1572285"/>
              <a:gd name="connsiteY2" fmla="*/ 129766 h 944578"/>
              <a:gd name="connsiteX3" fmla="*/ 12071 w 1572285"/>
              <a:gd name="connsiteY3" fmla="*/ 301782 h 944578"/>
              <a:gd name="connsiteX4" fmla="*/ 69410 w 1572285"/>
              <a:gd name="connsiteY4" fmla="*/ 374210 h 944578"/>
              <a:gd name="connsiteX5" fmla="*/ 93552 w 1572285"/>
              <a:gd name="connsiteY5" fmla="*/ 422495 h 944578"/>
              <a:gd name="connsiteX6" fmla="*/ 132784 w 1572285"/>
              <a:gd name="connsiteY6" fmla="*/ 455691 h 944578"/>
              <a:gd name="connsiteX7" fmla="*/ 162962 w 1572285"/>
              <a:gd name="connsiteY7" fmla="*/ 485869 h 944578"/>
              <a:gd name="connsiteX8" fmla="*/ 135802 w 1572285"/>
              <a:gd name="connsiteY8" fmla="*/ 567350 h 944578"/>
              <a:gd name="connsiteX9" fmla="*/ 144855 w 1572285"/>
              <a:gd name="connsiteY9" fmla="*/ 618653 h 944578"/>
              <a:gd name="connsiteX10" fmla="*/ 111659 w 1572285"/>
              <a:gd name="connsiteY10" fmla="*/ 645814 h 944578"/>
              <a:gd name="connsiteX11" fmla="*/ 117695 w 1572285"/>
              <a:gd name="connsiteY11" fmla="*/ 679010 h 944578"/>
              <a:gd name="connsiteX12" fmla="*/ 190122 w 1572285"/>
              <a:gd name="connsiteY12" fmla="*/ 675992 h 944578"/>
              <a:gd name="connsiteX13" fmla="*/ 208229 w 1572285"/>
              <a:gd name="connsiteY13" fmla="*/ 739366 h 944578"/>
              <a:gd name="connsiteX14" fmla="*/ 214265 w 1572285"/>
              <a:gd name="connsiteY14" fmla="*/ 775580 h 944578"/>
              <a:gd name="connsiteX15" fmla="*/ 235390 w 1572285"/>
              <a:gd name="connsiteY15" fmla="*/ 817830 h 944578"/>
              <a:gd name="connsiteX16" fmla="*/ 235390 w 1572285"/>
              <a:gd name="connsiteY16" fmla="*/ 848008 h 944578"/>
              <a:gd name="connsiteX17" fmla="*/ 307817 w 1572285"/>
              <a:gd name="connsiteY17" fmla="*/ 935525 h 944578"/>
              <a:gd name="connsiteX18" fmla="*/ 404388 w 1572285"/>
              <a:gd name="connsiteY18" fmla="*/ 917418 h 944578"/>
              <a:gd name="connsiteX19" fmla="*/ 422495 w 1572285"/>
              <a:gd name="connsiteY19" fmla="*/ 938542 h 944578"/>
              <a:gd name="connsiteX20" fmla="*/ 506994 w 1572285"/>
              <a:gd name="connsiteY20" fmla="*/ 899311 h 944578"/>
              <a:gd name="connsiteX21" fmla="*/ 546225 w 1572285"/>
              <a:gd name="connsiteY21" fmla="*/ 944578 h 944578"/>
              <a:gd name="connsiteX22" fmla="*/ 564332 w 1572285"/>
              <a:gd name="connsiteY22" fmla="*/ 844990 h 944578"/>
              <a:gd name="connsiteX23" fmla="*/ 1530035 w 1572285"/>
              <a:gd name="connsiteY23" fmla="*/ 935525 h 944578"/>
              <a:gd name="connsiteX24" fmla="*/ 1572285 w 1572285"/>
              <a:gd name="connsiteY24" fmla="*/ 190123 h 944578"/>
              <a:gd name="connsiteX25" fmla="*/ 1189021 w 1572285"/>
              <a:gd name="connsiteY25" fmla="*/ 156927 h 944578"/>
              <a:gd name="connsiteX26" fmla="*/ 1007952 w 1572285"/>
              <a:gd name="connsiteY26" fmla="*/ 141837 h 944578"/>
              <a:gd name="connsiteX27" fmla="*/ 908364 w 1572285"/>
              <a:gd name="connsiteY27" fmla="*/ 138820 h 944578"/>
              <a:gd name="connsiteX28" fmla="*/ 742384 w 1572285"/>
              <a:gd name="connsiteY28" fmla="*/ 111659 h 944578"/>
              <a:gd name="connsiteX29" fmla="*/ 597528 w 1572285"/>
              <a:gd name="connsiteY29" fmla="*/ 93552 h 944578"/>
              <a:gd name="connsiteX30" fmla="*/ 27160 w 1572285"/>
              <a:gd name="connsiteY30" fmla="*/ 0 h 944578"/>
              <a:gd name="connsiteX0" fmla="*/ 27160 w 1572285"/>
              <a:gd name="connsiteY0" fmla="*/ 0 h 944594"/>
              <a:gd name="connsiteX1" fmla="*/ 24142 w 1572285"/>
              <a:gd name="connsiteY1" fmla="*/ 63374 h 944594"/>
              <a:gd name="connsiteX2" fmla="*/ 0 w 1572285"/>
              <a:gd name="connsiteY2" fmla="*/ 129766 h 944594"/>
              <a:gd name="connsiteX3" fmla="*/ 12071 w 1572285"/>
              <a:gd name="connsiteY3" fmla="*/ 301782 h 944594"/>
              <a:gd name="connsiteX4" fmla="*/ 69410 w 1572285"/>
              <a:gd name="connsiteY4" fmla="*/ 374210 h 944594"/>
              <a:gd name="connsiteX5" fmla="*/ 93552 w 1572285"/>
              <a:gd name="connsiteY5" fmla="*/ 422495 h 944594"/>
              <a:gd name="connsiteX6" fmla="*/ 132784 w 1572285"/>
              <a:gd name="connsiteY6" fmla="*/ 455691 h 944594"/>
              <a:gd name="connsiteX7" fmla="*/ 162962 w 1572285"/>
              <a:gd name="connsiteY7" fmla="*/ 485869 h 944594"/>
              <a:gd name="connsiteX8" fmla="*/ 135802 w 1572285"/>
              <a:gd name="connsiteY8" fmla="*/ 567350 h 944594"/>
              <a:gd name="connsiteX9" fmla="*/ 144855 w 1572285"/>
              <a:gd name="connsiteY9" fmla="*/ 618653 h 944594"/>
              <a:gd name="connsiteX10" fmla="*/ 111659 w 1572285"/>
              <a:gd name="connsiteY10" fmla="*/ 645814 h 944594"/>
              <a:gd name="connsiteX11" fmla="*/ 117695 w 1572285"/>
              <a:gd name="connsiteY11" fmla="*/ 679010 h 944594"/>
              <a:gd name="connsiteX12" fmla="*/ 190122 w 1572285"/>
              <a:gd name="connsiteY12" fmla="*/ 675992 h 944594"/>
              <a:gd name="connsiteX13" fmla="*/ 208229 w 1572285"/>
              <a:gd name="connsiteY13" fmla="*/ 739366 h 944594"/>
              <a:gd name="connsiteX14" fmla="*/ 214265 w 1572285"/>
              <a:gd name="connsiteY14" fmla="*/ 775580 h 944594"/>
              <a:gd name="connsiteX15" fmla="*/ 235390 w 1572285"/>
              <a:gd name="connsiteY15" fmla="*/ 817830 h 944594"/>
              <a:gd name="connsiteX16" fmla="*/ 235390 w 1572285"/>
              <a:gd name="connsiteY16" fmla="*/ 848008 h 944594"/>
              <a:gd name="connsiteX17" fmla="*/ 307817 w 1572285"/>
              <a:gd name="connsiteY17" fmla="*/ 935525 h 944594"/>
              <a:gd name="connsiteX18" fmla="*/ 404388 w 1572285"/>
              <a:gd name="connsiteY18" fmla="*/ 917418 h 944594"/>
              <a:gd name="connsiteX19" fmla="*/ 422495 w 1572285"/>
              <a:gd name="connsiteY19" fmla="*/ 938542 h 944594"/>
              <a:gd name="connsiteX20" fmla="*/ 506994 w 1572285"/>
              <a:gd name="connsiteY20" fmla="*/ 899311 h 944594"/>
              <a:gd name="connsiteX21" fmla="*/ 557802 w 1572285"/>
              <a:gd name="connsiteY21" fmla="*/ 944594 h 944594"/>
              <a:gd name="connsiteX22" fmla="*/ 564332 w 1572285"/>
              <a:gd name="connsiteY22" fmla="*/ 844990 h 944594"/>
              <a:gd name="connsiteX23" fmla="*/ 1530035 w 1572285"/>
              <a:gd name="connsiteY23" fmla="*/ 935525 h 944594"/>
              <a:gd name="connsiteX24" fmla="*/ 1572285 w 1572285"/>
              <a:gd name="connsiteY24" fmla="*/ 190123 h 944594"/>
              <a:gd name="connsiteX25" fmla="*/ 1189021 w 1572285"/>
              <a:gd name="connsiteY25" fmla="*/ 156927 h 944594"/>
              <a:gd name="connsiteX26" fmla="*/ 1007952 w 1572285"/>
              <a:gd name="connsiteY26" fmla="*/ 141837 h 944594"/>
              <a:gd name="connsiteX27" fmla="*/ 908364 w 1572285"/>
              <a:gd name="connsiteY27" fmla="*/ 138820 h 944594"/>
              <a:gd name="connsiteX28" fmla="*/ 742384 w 1572285"/>
              <a:gd name="connsiteY28" fmla="*/ 111659 h 944594"/>
              <a:gd name="connsiteX29" fmla="*/ 597528 w 1572285"/>
              <a:gd name="connsiteY29" fmla="*/ 93552 h 944594"/>
              <a:gd name="connsiteX30" fmla="*/ 27160 w 1572285"/>
              <a:gd name="connsiteY30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71625 w 1574500"/>
              <a:gd name="connsiteY4" fmla="*/ 374210 h 944594"/>
              <a:gd name="connsiteX5" fmla="*/ 95767 w 1574500"/>
              <a:gd name="connsiteY5" fmla="*/ 422495 h 944594"/>
              <a:gd name="connsiteX6" fmla="*/ 134999 w 1574500"/>
              <a:gd name="connsiteY6" fmla="*/ 455691 h 944594"/>
              <a:gd name="connsiteX7" fmla="*/ 165177 w 1574500"/>
              <a:gd name="connsiteY7" fmla="*/ 485869 h 944594"/>
              <a:gd name="connsiteX8" fmla="*/ 138017 w 1574500"/>
              <a:gd name="connsiteY8" fmla="*/ 567350 h 944594"/>
              <a:gd name="connsiteX9" fmla="*/ 147070 w 1574500"/>
              <a:gd name="connsiteY9" fmla="*/ 618653 h 944594"/>
              <a:gd name="connsiteX10" fmla="*/ 113874 w 1574500"/>
              <a:gd name="connsiteY10" fmla="*/ 645814 h 944594"/>
              <a:gd name="connsiteX11" fmla="*/ 119910 w 1574500"/>
              <a:gd name="connsiteY11" fmla="*/ 679010 h 944594"/>
              <a:gd name="connsiteX12" fmla="*/ 192337 w 1574500"/>
              <a:gd name="connsiteY12" fmla="*/ 675992 h 944594"/>
              <a:gd name="connsiteX13" fmla="*/ 210444 w 1574500"/>
              <a:gd name="connsiteY13" fmla="*/ 739366 h 944594"/>
              <a:gd name="connsiteX14" fmla="*/ 216480 w 1574500"/>
              <a:gd name="connsiteY14" fmla="*/ 775580 h 944594"/>
              <a:gd name="connsiteX15" fmla="*/ 237605 w 1574500"/>
              <a:gd name="connsiteY15" fmla="*/ 817830 h 944594"/>
              <a:gd name="connsiteX16" fmla="*/ 237605 w 1574500"/>
              <a:gd name="connsiteY16" fmla="*/ 848008 h 944594"/>
              <a:gd name="connsiteX17" fmla="*/ 310032 w 1574500"/>
              <a:gd name="connsiteY17" fmla="*/ 935525 h 944594"/>
              <a:gd name="connsiteX18" fmla="*/ 406603 w 1574500"/>
              <a:gd name="connsiteY18" fmla="*/ 917418 h 944594"/>
              <a:gd name="connsiteX19" fmla="*/ 424710 w 1574500"/>
              <a:gd name="connsiteY19" fmla="*/ 938542 h 944594"/>
              <a:gd name="connsiteX20" fmla="*/ 509209 w 1574500"/>
              <a:gd name="connsiteY20" fmla="*/ 899311 h 944594"/>
              <a:gd name="connsiteX21" fmla="*/ 560017 w 1574500"/>
              <a:gd name="connsiteY21" fmla="*/ 944594 h 944594"/>
              <a:gd name="connsiteX22" fmla="*/ 566547 w 1574500"/>
              <a:gd name="connsiteY22" fmla="*/ 844990 h 944594"/>
              <a:gd name="connsiteX23" fmla="*/ 1532250 w 1574500"/>
              <a:gd name="connsiteY23" fmla="*/ 935525 h 944594"/>
              <a:gd name="connsiteX24" fmla="*/ 1574500 w 1574500"/>
              <a:gd name="connsiteY24" fmla="*/ 190123 h 944594"/>
              <a:gd name="connsiteX25" fmla="*/ 1191236 w 1574500"/>
              <a:gd name="connsiteY25" fmla="*/ 156927 h 944594"/>
              <a:gd name="connsiteX26" fmla="*/ 1010167 w 1574500"/>
              <a:gd name="connsiteY26" fmla="*/ 141837 h 944594"/>
              <a:gd name="connsiteX27" fmla="*/ 910579 w 1574500"/>
              <a:gd name="connsiteY27" fmla="*/ 138820 h 944594"/>
              <a:gd name="connsiteX28" fmla="*/ 744599 w 1574500"/>
              <a:gd name="connsiteY28" fmla="*/ 111659 h 944594"/>
              <a:gd name="connsiteX29" fmla="*/ 599743 w 1574500"/>
              <a:gd name="connsiteY29" fmla="*/ 93552 h 944594"/>
              <a:gd name="connsiteX30" fmla="*/ 29375 w 1574500"/>
              <a:gd name="connsiteY30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95767 w 1574500"/>
              <a:gd name="connsiteY4" fmla="*/ 422495 h 944594"/>
              <a:gd name="connsiteX5" fmla="*/ 134999 w 1574500"/>
              <a:gd name="connsiteY5" fmla="*/ 455691 h 944594"/>
              <a:gd name="connsiteX6" fmla="*/ 165177 w 1574500"/>
              <a:gd name="connsiteY6" fmla="*/ 485869 h 944594"/>
              <a:gd name="connsiteX7" fmla="*/ 138017 w 1574500"/>
              <a:gd name="connsiteY7" fmla="*/ 567350 h 944594"/>
              <a:gd name="connsiteX8" fmla="*/ 147070 w 1574500"/>
              <a:gd name="connsiteY8" fmla="*/ 618653 h 944594"/>
              <a:gd name="connsiteX9" fmla="*/ 113874 w 1574500"/>
              <a:gd name="connsiteY9" fmla="*/ 645814 h 944594"/>
              <a:gd name="connsiteX10" fmla="*/ 119910 w 1574500"/>
              <a:gd name="connsiteY10" fmla="*/ 679010 h 944594"/>
              <a:gd name="connsiteX11" fmla="*/ 192337 w 1574500"/>
              <a:gd name="connsiteY11" fmla="*/ 675992 h 944594"/>
              <a:gd name="connsiteX12" fmla="*/ 210444 w 1574500"/>
              <a:gd name="connsiteY12" fmla="*/ 739366 h 944594"/>
              <a:gd name="connsiteX13" fmla="*/ 216480 w 1574500"/>
              <a:gd name="connsiteY13" fmla="*/ 775580 h 944594"/>
              <a:gd name="connsiteX14" fmla="*/ 237605 w 1574500"/>
              <a:gd name="connsiteY14" fmla="*/ 817830 h 944594"/>
              <a:gd name="connsiteX15" fmla="*/ 237605 w 1574500"/>
              <a:gd name="connsiteY15" fmla="*/ 848008 h 944594"/>
              <a:gd name="connsiteX16" fmla="*/ 310032 w 1574500"/>
              <a:gd name="connsiteY16" fmla="*/ 935525 h 944594"/>
              <a:gd name="connsiteX17" fmla="*/ 406603 w 1574500"/>
              <a:gd name="connsiteY17" fmla="*/ 917418 h 944594"/>
              <a:gd name="connsiteX18" fmla="*/ 424710 w 1574500"/>
              <a:gd name="connsiteY18" fmla="*/ 938542 h 944594"/>
              <a:gd name="connsiteX19" fmla="*/ 509209 w 1574500"/>
              <a:gd name="connsiteY19" fmla="*/ 899311 h 944594"/>
              <a:gd name="connsiteX20" fmla="*/ 560017 w 1574500"/>
              <a:gd name="connsiteY20" fmla="*/ 944594 h 944594"/>
              <a:gd name="connsiteX21" fmla="*/ 566547 w 1574500"/>
              <a:gd name="connsiteY21" fmla="*/ 844990 h 944594"/>
              <a:gd name="connsiteX22" fmla="*/ 1532250 w 1574500"/>
              <a:gd name="connsiteY22" fmla="*/ 935525 h 944594"/>
              <a:gd name="connsiteX23" fmla="*/ 1574500 w 1574500"/>
              <a:gd name="connsiteY23" fmla="*/ 190123 h 944594"/>
              <a:gd name="connsiteX24" fmla="*/ 1191236 w 1574500"/>
              <a:gd name="connsiteY24" fmla="*/ 156927 h 944594"/>
              <a:gd name="connsiteX25" fmla="*/ 1010167 w 1574500"/>
              <a:gd name="connsiteY25" fmla="*/ 141837 h 944594"/>
              <a:gd name="connsiteX26" fmla="*/ 910579 w 1574500"/>
              <a:gd name="connsiteY26" fmla="*/ 138820 h 944594"/>
              <a:gd name="connsiteX27" fmla="*/ 744599 w 1574500"/>
              <a:gd name="connsiteY27" fmla="*/ 111659 h 944594"/>
              <a:gd name="connsiteX28" fmla="*/ 599743 w 1574500"/>
              <a:gd name="connsiteY28" fmla="*/ 93552 h 944594"/>
              <a:gd name="connsiteX29" fmla="*/ 29375 w 1574500"/>
              <a:gd name="connsiteY29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95767 w 1574500"/>
              <a:gd name="connsiteY4" fmla="*/ 422495 h 944594"/>
              <a:gd name="connsiteX5" fmla="*/ 165177 w 1574500"/>
              <a:gd name="connsiteY5" fmla="*/ 485869 h 944594"/>
              <a:gd name="connsiteX6" fmla="*/ 138017 w 1574500"/>
              <a:gd name="connsiteY6" fmla="*/ 567350 h 944594"/>
              <a:gd name="connsiteX7" fmla="*/ 147070 w 1574500"/>
              <a:gd name="connsiteY7" fmla="*/ 61865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37605 w 1574500"/>
              <a:gd name="connsiteY14" fmla="*/ 848008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86191 w 1574500"/>
              <a:gd name="connsiteY4" fmla="*/ 429646 h 944594"/>
              <a:gd name="connsiteX5" fmla="*/ 165177 w 1574500"/>
              <a:gd name="connsiteY5" fmla="*/ 485869 h 944594"/>
              <a:gd name="connsiteX6" fmla="*/ 138017 w 1574500"/>
              <a:gd name="connsiteY6" fmla="*/ 567350 h 944594"/>
              <a:gd name="connsiteX7" fmla="*/ 147070 w 1574500"/>
              <a:gd name="connsiteY7" fmla="*/ 61865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37605 w 1574500"/>
              <a:gd name="connsiteY14" fmla="*/ 848008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86191 w 1574500"/>
              <a:gd name="connsiteY4" fmla="*/ 429646 h 944594"/>
              <a:gd name="connsiteX5" fmla="*/ 148421 w 1574500"/>
              <a:gd name="connsiteY5" fmla="*/ 485877 h 944594"/>
              <a:gd name="connsiteX6" fmla="*/ 138017 w 1574500"/>
              <a:gd name="connsiteY6" fmla="*/ 567350 h 944594"/>
              <a:gd name="connsiteX7" fmla="*/ 147070 w 1574500"/>
              <a:gd name="connsiteY7" fmla="*/ 61865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37605 w 1574500"/>
              <a:gd name="connsiteY14" fmla="*/ 848008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86191 w 1574500"/>
              <a:gd name="connsiteY4" fmla="*/ 429646 h 944594"/>
              <a:gd name="connsiteX5" fmla="*/ 148421 w 1574500"/>
              <a:gd name="connsiteY5" fmla="*/ 485877 h 944594"/>
              <a:gd name="connsiteX6" fmla="*/ 123656 w 1574500"/>
              <a:gd name="connsiteY6" fmla="*/ 567360 h 944594"/>
              <a:gd name="connsiteX7" fmla="*/ 147070 w 1574500"/>
              <a:gd name="connsiteY7" fmla="*/ 61865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37605 w 1574500"/>
              <a:gd name="connsiteY14" fmla="*/ 848008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86191 w 1574500"/>
              <a:gd name="connsiteY4" fmla="*/ 429646 h 944594"/>
              <a:gd name="connsiteX5" fmla="*/ 148421 w 1574500"/>
              <a:gd name="connsiteY5" fmla="*/ 485877 h 944594"/>
              <a:gd name="connsiteX6" fmla="*/ 123656 w 1574500"/>
              <a:gd name="connsiteY6" fmla="*/ 567360 h 944594"/>
              <a:gd name="connsiteX7" fmla="*/ 132705 w 1574500"/>
              <a:gd name="connsiteY7" fmla="*/ 61866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37605 w 1574500"/>
              <a:gd name="connsiteY14" fmla="*/ 848008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44594"/>
              <a:gd name="connsiteX1" fmla="*/ 26357 w 1574500"/>
              <a:gd name="connsiteY1" fmla="*/ 63374 h 944594"/>
              <a:gd name="connsiteX2" fmla="*/ 2215 w 1574500"/>
              <a:gd name="connsiteY2" fmla="*/ 129766 h 944594"/>
              <a:gd name="connsiteX3" fmla="*/ 0 w 1574500"/>
              <a:gd name="connsiteY3" fmla="*/ 308931 h 944594"/>
              <a:gd name="connsiteX4" fmla="*/ 86191 w 1574500"/>
              <a:gd name="connsiteY4" fmla="*/ 429646 h 944594"/>
              <a:gd name="connsiteX5" fmla="*/ 148421 w 1574500"/>
              <a:gd name="connsiteY5" fmla="*/ 485877 h 944594"/>
              <a:gd name="connsiteX6" fmla="*/ 123656 w 1574500"/>
              <a:gd name="connsiteY6" fmla="*/ 567360 h 944594"/>
              <a:gd name="connsiteX7" fmla="*/ 132705 w 1574500"/>
              <a:gd name="connsiteY7" fmla="*/ 618663 h 944594"/>
              <a:gd name="connsiteX8" fmla="*/ 113874 w 1574500"/>
              <a:gd name="connsiteY8" fmla="*/ 645814 h 944594"/>
              <a:gd name="connsiteX9" fmla="*/ 119910 w 1574500"/>
              <a:gd name="connsiteY9" fmla="*/ 679010 h 944594"/>
              <a:gd name="connsiteX10" fmla="*/ 192337 w 1574500"/>
              <a:gd name="connsiteY10" fmla="*/ 675992 h 944594"/>
              <a:gd name="connsiteX11" fmla="*/ 210444 w 1574500"/>
              <a:gd name="connsiteY11" fmla="*/ 739366 h 944594"/>
              <a:gd name="connsiteX12" fmla="*/ 216480 w 1574500"/>
              <a:gd name="connsiteY12" fmla="*/ 775580 h 944594"/>
              <a:gd name="connsiteX13" fmla="*/ 237605 w 1574500"/>
              <a:gd name="connsiteY13" fmla="*/ 817830 h 944594"/>
              <a:gd name="connsiteX14" fmla="*/ 227946 w 1574500"/>
              <a:gd name="connsiteY14" fmla="*/ 874216 h 944594"/>
              <a:gd name="connsiteX15" fmla="*/ 310032 w 1574500"/>
              <a:gd name="connsiteY15" fmla="*/ 935525 h 944594"/>
              <a:gd name="connsiteX16" fmla="*/ 406603 w 1574500"/>
              <a:gd name="connsiteY16" fmla="*/ 917418 h 944594"/>
              <a:gd name="connsiteX17" fmla="*/ 424710 w 1574500"/>
              <a:gd name="connsiteY17" fmla="*/ 938542 h 944594"/>
              <a:gd name="connsiteX18" fmla="*/ 509209 w 1574500"/>
              <a:gd name="connsiteY18" fmla="*/ 899311 h 944594"/>
              <a:gd name="connsiteX19" fmla="*/ 560017 w 1574500"/>
              <a:gd name="connsiteY19" fmla="*/ 944594 h 944594"/>
              <a:gd name="connsiteX20" fmla="*/ 566547 w 1574500"/>
              <a:gd name="connsiteY20" fmla="*/ 844990 h 944594"/>
              <a:gd name="connsiteX21" fmla="*/ 1532250 w 1574500"/>
              <a:gd name="connsiteY21" fmla="*/ 935525 h 944594"/>
              <a:gd name="connsiteX22" fmla="*/ 1574500 w 1574500"/>
              <a:gd name="connsiteY22" fmla="*/ 190123 h 944594"/>
              <a:gd name="connsiteX23" fmla="*/ 1191236 w 1574500"/>
              <a:gd name="connsiteY23" fmla="*/ 156927 h 944594"/>
              <a:gd name="connsiteX24" fmla="*/ 1010167 w 1574500"/>
              <a:gd name="connsiteY24" fmla="*/ 141837 h 944594"/>
              <a:gd name="connsiteX25" fmla="*/ 910579 w 1574500"/>
              <a:gd name="connsiteY25" fmla="*/ 138820 h 944594"/>
              <a:gd name="connsiteX26" fmla="*/ 744599 w 1574500"/>
              <a:gd name="connsiteY26" fmla="*/ 111659 h 944594"/>
              <a:gd name="connsiteX27" fmla="*/ 599743 w 1574500"/>
              <a:gd name="connsiteY27" fmla="*/ 93552 h 944594"/>
              <a:gd name="connsiteX28" fmla="*/ 29375 w 1574500"/>
              <a:gd name="connsiteY28" fmla="*/ 0 h 944594"/>
              <a:gd name="connsiteX0" fmla="*/ 29375 w 1574500"/>
              <a:gd name="connsiteY0" fmla="*/ 0 h 952209"/>
              <a:gd name="connsiteX1" fmla="*/ 26357 w 1574500"/>
              <a:gd name="connsiteY1" fmla="*/ 63374 h 952209"/>
              <a:gd name="connsiteX2" fmla="*/ 2215 w 1574500"/>
              <a:gd name="connsiteY2" fmla="*/ 129766 h 952209"/>
              <a:gd name="connsiteX3" fmla="*/ 0 w 1574500"/>
              <a:gd name="connsiteY3" fmla="*/ 308931 h 952209"/>
              <a:gd name="connsiteX4" fmla="*/ 86191 w 1574500"/>
              <a:gd name="connsiteY4" fmla="*/ 429646 h 952209"/>
              <a:gd name="connsiteX5" fmla="*/ 148421 w 1574500"/>
              <a:gd name="connsiteY5" fmla="*/ 485877 h 952209"/>
              <a:gd name="connsiteX6" fmla="*/ 123656 w 1574500"/>
              <a:gd name="connsiteY6" fmla="*/ 567360 h 952209"/>
              <a:gd name="connsiteX7" fmla="*/ 132705 w 1574500"/>
              <a:gd name="connsiteY7" fmla="*/ 618663 h 952209"/>
              <a:gd name="connsiteX8" fmla="*/ 113874 w 1574500"/>
              <a:gd name="connsiteY8" fmla="*/ 645814 h 952209"/>
              <a:gd name="connsiteX9" fmla="*/ 119910 w 1574500"/>
              <a:gd name="connsiteY9" fmla="*/ 679010 h 952209"/>
              <a:gd name="connsiteX10" fmla="*/ 192337 w 1574500"/>
              <a:gd name="connsiteY10" fmla="*/ 675992 h 952209"/>
              <a:gd name="connsiteX11" fmla="*/ 210444 w 1574500"/>
              <a:gd name="connsiteY11" fmla="*/ 739366 h 952209"/>
              <a:gd name="connsiteX12" fmla="*/ 216480 w 1574500"/>
              <a:gd name="connsiteY12" fmla="*/ 775580 h 952209"/>
              <a:gd name="connsiteX13" fmla="*/ 237605 w 1574500"/>
              <a:gd name="connsiteY13" fmla="*/ 817830 h 952209"/>
              <a:gd name="connsiteX14" fmla="*/ 227946 w 1574500"/>
              <a:gd name="connsiteY14" fmla="*/ 874216 h 952209"/>
              <a:gd name="connsiteX15" fmla="*/ 312230 w 1574500"/>
              <a:gd name="connsiteY15" fmla="*/ 952209 h 952209"/>
              <a:gd name="connsiteX16" fmla="*/ 406603 w 1574500"/>
              <a:gd name="connsiteY16" fmla="*/ 917418 h 952209"/>
              <a:gd name="connsiteX17" fmla="*/ 424710 w 1574500"/>
              <a:gd name="connsiteY17" fmla="*/ 938542 h 952209"/>
              <a:gd name="connsiteX18" fmla="*/ 509209 w 1574500"/>
              <a:gd name="connsiteY18" fmla="*/ 899311 h 952209"/>
              <a:gd name="connsiteX19" fmla="*/ 560017 w 1574500"/>
              <a:gd name="connsiteY19" fmla="*/ 944594 h 952209"/>
              <a:gd name="connsiteX20" fmla="*/ 566547 w 1574500"/>
              <a:gd name="connsiteY20" fmla="*/ 844990 h 952209"/>
              <a:gd name="connsiteX21" fmla="*/ 1532250 w 1574500"/>
              <a:gd name="connsiteY21" fmla="*/ 935525 h 952209"/>
              <a:gd name="connsiteX22" fmla="*/ 1574500 w 1574500"/>
              <a:gd name="connsiteY22" fmla="*/ 190123 h 952209"/>
              <a:gd name="connsiteX23" fmla="*/ 1191236 w 1574500"/>
              <a:gd name="connsiteY23" fmla="*/ 156927 h 952209"/>
              <a:gd name="connsiteX24" fmla="*/ 1010167 w 1574500"/>
              <a:gd name="connsiteY24" fmla="*/ 141837 h 952209"/>
              <a:gd name="connsiteX25" fmla="*/ 910579 w 1574500"/>
              <a:gd name="connsiteY25" fmla="*/ 138820 h 952209"/>
              <a:gd name="connsiteX26" fmla="*/ 744599 w 1574500"/>
              <a:gd name="connsiteY26" fmla="*/ 111659 h 952209"/>
              <a:gd name="connsiteX27" fmla="*/ 599743 w 1574500"/>
              <a:gd name="connsiteY27" fmla="*/ 93552 h 952209"/>
              <a:gd name="connsiteX28" fmla="*/ 29375 w 1574500"/>
              <a:gd name="connsiteY28" fmla="*/ 0 h 952209"/>
              <a:gd name="connsiteX0" fmla="*/ 29375 w 1574500"/>
              <a:gd name="connsiteY0" fmla="*/ 0 h 952845"/>
              <a:gd name="connsiteX1" fmla="*/ 26357 w 1574500"/>
              <a:gd name="connsiteY1" fmla="*/ 63374 h 952845"/>
              <a:gd name="connsiteX2" fmla="*/ 2215 w 1574500"/>
              <a:gd name="connsiteY2" fmla="*/ 129766 h 952845"/>
              <a:gd name="connsiteX3" fmla="*/ 0 w 1574500"/>
              <a:gd name="connsiteY3" fmla="*/ 308931 h 952845"/>
              <a:gd name="connsiteX4" fmla="*/ 86191 w 1574500"/>
              <a:gd name="connsiteY4" fmla="*/ 429646 h 952845"/>
              <a:gd name="connsiteX5" fmla="*/ 148421 w 1574500"/>
              <a:gd name="connsiteY5" fmla="*/ 485877 h 952845"/>
              <a:gd name="connsiteX6" fmla="*/ 123656 w 1574500"/>
              <a:gd name="connsiteY6" fmla="*/ 567360 h 952845"/>
              <a:gd name="connsiteX7" fmla="*/ 132705 w 1574500"/>
              <a:gd name="connsiteY7" fmla="*/ 618663 h 952845"/>
              <a:gd name="connsiteX8" fmla="*/ 113874 w 1574500"/>
              <a:gd name="connsiteY8" fmla="*/ 645814 h 952845"/>
              <a:gd name="connsiteX9" fmla="*/ 119910 w 1574500"/>
              <a:gd name="connsiteY9" fmla="*/ 679010 h 952845"/>
              <a:gd name="connsiteX10" fmla="*/ 192337 w 1574500"/>
              <a:gd name="connsiteY10" fmla="*/ 675992 h 952845"/>
              <a:gd name="connsiteX11" fmla="*/ 210444 w 1574500"/>
              <a:gd name="connsiteY11" fmla="*/ 739366 h 952845"/>
              <a:gd name="connsiteX12" fmla="*/ 216480 w 1574500"/>
              <a:gd name="connsiteY12" fmla="*/ 775580 h 952845"/>
              <a:gd name="connsiteX13" fmla="*/ 237605 w 1574500"/>
              <a:gd name="connsiteY13" fmla="*/ 817830 h 952845"/>
              <a:gd name="connsiteX14" fmla="*/ 227946 w 1574500"/>
              <a:gd name="connsiteY14" fmla="*/ 874216 h 952845"/>
              <a:gd name="connsiteX15" fmla="*/ 312230 w 1574500"/>
              <a:gd name="connsiteY15" fmla="*/ 952209 h 952845"/>
              <a:gd name="connsiteX16" fmla="*/ 406603 w 1574500"/>
              <a:gd name="connsiteY16" fmla="*/ 917418 h 952845"/>
              <a:gd name="connsiteX17" fmla="*/ 455399 w 1574500"/>
              <a:gd name="connsiteY17" fmla="*/ 952845 h 952845"/>
              <a:gd name="connsiteX18" fmla="*/ 509209 w 1574500"/>
              <a:gd name="connsiteY18" fmla="*/ 899311 h 952845"/>
              <a:gd name="connsiteX19" fmla="*/ 560017 w 1574500"/>
              <a:gd name="connsiteY19" fmla="*/ 944594 h 952845"/>
              <a:gd name="connsiteX20" fmla="*/ 566547 w 1574500"/>
              <a:gd name="connsiteY20" fmla="*/ 844990 h 952845"/>
              <a:gd name="connsiteX21" fmla="*/ 1532250 w 1574500"/>
              <a:gd name="connsiteY21" fmla="*/ 935525 h 952845"/>
              <a:gd name="connsiteX22" fmla="*/ 1574500 w 1574500"/>
              <a:gd name="connsiteY22" fmla="*/ 190123 h 952845"/>
              <a:gd name="connsiteX23" fmla="*/ 1191236 w 1574500"/>
              <a:gd name="connsiteY23" fmla="*/ 156927 h 952845"/>
              <a:gd name="connsiteX24" fmla="*/ 1010167 w 1574500"/>
              <a:gd name="connsiteY24" fmla="*/ 141837 h 952845"/>
              <a:gd name="connsiteX25" fmla="*/ 910579 w 1574500"/>
              <a:gd name="connsiteY25" fmla="*/ 138820 h 952845"/>
              <a:gd name="connsiteX26" fmla="*/ 744599 w 1574500"/>
              <a:gd name="connsiteY26" fmla="*/ 111659 h 952845"/>
              <a:gd name="connsiteX27" fmla="*/ 599743 w 1574500"/>
              <a:gd name="connsiteY27" fmla="*/ 93552 h 952845"/>
              <a:gd name="connsiteX28" fmla="*/ 29375 w 1574500"/>
              <a:gd name="connsiteY28" fmla="*/ 0 h 952845"/>
              <a:gd name="connsiteX0" fmla="*/ 29375 w 1574500"/>
              <a:gd name="connsiteY0" fmla="*/ 0 h 952845"/>
              <a:gd name="connsiteX1" fmla="*/ 26357 w 1574500"/>
              <a:gd name="connsiteY1" fmla="*/ 63374 h 952845"/>
              <a:gd name="connsiteX2" fmla="*/ 2215 w 1574500"/>
              <a:gd name="connsiteY2" fmla="*/ 129766 h 952845"/>
              <a:gd name="connsiteX3" fmla="*/ 0 w 1574500"/>
              <a:gd name="connsiteY3" fmla="*/ 308931 h 952845"/>
              <a:gd name="connsiteX4" fmla="*/ 86191 w 1574500"/>
              <a:gd name="connsiteY4" fmla="*/ 429646 h 952845"/>
              <a:gd name="connsiteX5" fmla="*/ 148421 w 1574500"/>
              <a:gd name="connsiteY5" fmla="*/ 485877 h 952845"/>
              <a:gd name="connsiteX6" fmla="*/ 123656 w 1574500"/>
              <a:gd name="connsiteY6" fmla="*/ 567360 h 952845"/>
              <a:gd name="connsiteX7" fmla="*/ 132705 w 1574500"/>
              <a:gd name="connsiteY7" fmla="*/ 618663 h 952845"/>
              <a:gd name="connsiteX8" fmla="*/ 113874 w 1574500"/>
              <a:gd name="connsiteY8" fmla="*/ 645814 h 952845"/>
              <a:gd name="connsiteX9" fmla="*/ 119910 w 1574500"/>
              <a:gd name="connsiteY9" fmla="*/ 679010 h 952845"/>
              <a:gd name="connsiteX10" fmla="*/ 192337 w 1574500"/>
              <a:gd name="connsiteY10" fmla="*/ 675992 h 952845"/>
              <a:gd name="connsiteX11" fmla="*/ 210444 w 1574500"/>
              <a:gd name="connsiteY11" fmla="*/ 739366 h 952845"/>
              <a:gd name="connsiteX12" fmla="*/ 216480 w 1574500"/>
              <a:gd name="connsiteY12" fmla="*/ 775580 h 952845"/>
              <a:gd name="connsiteX13" fmla="*/ 237605 w 1574500"/>
              <a:gd name="connsiteY13" fmla="*/ 817830 h 952845"/>
              <a:gd name="connsiteX14" fmla="*/ 227946 w 1574500"/>
              <a:gd name="connsiteY14" fmla="*/ 874216 h 952845"/>
              <a:gd name="connsiteX15" fmla="*/ 312230 w 1574500"/>
              <a:gd name="connsiteY15" fmla="*/ 952209 h 952845"/>
              <a:gd name="connsiteX16" fmla="*/ 396844 w 1574500"/>
              <a:gd name="connsiteY16" fmla="*/ 938866 h 952845"/>
              <a:gd name="connsiteX17" fmla="*/ 455399 w 1574500"/>
              <a:gd name="connsiteY17" fmla="*/ 952845 h 952845"/>
              <a:gd name="connsiteX18" fmla="*/ 509209 w 1574500"/>
              <a:gd name="connsiteY18" fmla="*/ 899311 h 952845"/>
              <a:gd name="connsiteX19" fmla="*/ 560017 w 1574500"/>
              <a:gd name="connsiteY19" fmla="*/ 944594 h 952845"/>
              <a:gd name="connsiteX20" fmla="*/ 566547 w 1574500"/>
              <a:gd name="connsiteY20" fmla="*/ 844990 h 952845"/>
              <a:gd name="connsiteX21" fmla="*/ 1532250 w 1574500"/>
              <a:gd name="connsiteY21" fmla="*/ 935525 h 952845"/>
              <a:gd name="connsiteX22" fmla="*/ 1574500 w 1574500"/>
              <a:gd name="connsiteY22" fmla="*/ 190123 h 952845"/>
              <a:gd name="connsiteX23" fmla="*/ 1191236 w 1574500"/>
              <a:gd name="connsiteY23" fmla="*/ 156927 h 952845"/>
              <a:gd name="connsiteX24" fmla="*/ 1010167 w 1574500"/>
              <a:gd name="connsiteY24" fmla="*/ 141837 h 952845"/>
              <a:gd name="connsiteX25" fmla="*/ 910579 w 1574500"/>
              <a:gd name="connsiteY25" fmla="*/ 138820 h 952845"/>
              <a:gd name="connsiteX26" fmla="*/ 744599 w 1574500"/>
              <a:gd name="connsiteY26" fmla="*/ 111659 h 952845"/>
              <a:gd name="connsiteX27" fmla="*/ 599743 w 1574500"/>
              <a:gd name="connsiteY27" fmla="*/ 93552 h 952845"/>
              <a:gd name="connsiteX28" fmla="*/ 29375 w 1574500"/>
              <a:gd name="connsiteY28" fmla="*/ 0 h 952845"/>
              <a:gd name="connsiteX0" fmla="*/ 29375 w 1574500"/>
              <a:gd name="connsiteY0" fmla="*/ 0 h 952845"/>
              <a:gd name="connsiteX1" fmla="*/ 26357 w 1574500"/>
              <a:gd name="connsiteY1" fmla="*/ 63374 h 952845"/>
              <a:gd name="connsiteX2" fmla="*/ 2215 w 1574500"/>
              <a:gd name="connsiteY2" fmla="*/ 129766 h 952845"/>
              <a:gd name="connsiteX3" fmla="*/ 0 w 1574500"/>
              <a:gd name="connsiteY3" fmla="*/ 308931 h 952845"/>
              <a:gd name="connsiteX4" fmla="*/ 86191 w 1574500"/>
              <a:gd name="connsiteY4" fmla="*/ 429646 h 952845"/>
              <a:gd name="connsiteX5" fmla="*/ 148421 w 1574500"/>
              <a:gd name="connsiteY5" fmla="*/ 485877 h 952845"/>
              <a:gd name="connsiteX6" fmla="*/ 123656 w 1574500"/>
              <a:gd name="connsiteY6" fmla="*/ 567360 h 952845"/>
              <a:gd name="connsiteX7" fmla="*/ 132705 w 1574500"/>
              <a:gd name="connsiteY7" fmla="*/ 618663 h 952845"/>
              <a:gd name="connsiteX8" fmla="*/ 113874 w 1574500"/>
              <a:gd name="connsiteY8" fmla="*/ 645814 h 952845"/>
              <a:gd name="connsiteX9" fmla="*/ 119910 w 1574500"/>
              <a:gd name="connsiteY9" fmla="*/ 679010 h 952845"/>
              <a:gd name="connsiteX10" fmla="*/ 192337 w 1574500"/>
              <a:gd name="connsiteY10" fmla="*/ 675992 h 952845"/>
              <a:gd name="connsiteX11" fmla="*/ 210444 w 1574500"/>
              <a:gd name="connsiteY11" fmla="*/ 739366 h 952845"/>
              <a:gd name="connsiteX12" fmla="*/ 216480 w 1574500"/>
              <a:gd name="connsiteY12" fmla="*/ 775580 h 952845"/>
              <a:gd name="connsiteX13" fmla="*/ 237605 w 1574500"/>
              <a:gd name="connsiteY13" fmla="*/ 817830 h 952845"/>
              <a:gd name="connsiteX14" fmla="*/ 227946 w 1574500"/>
              <a:gd name="connsiteY14" fmla="*/ 874216 h 952845"/>
              <a:gd name="connsiteX15" fmla="*/ 312230 w 1574500"/>
              <a:gd name="connsiteY15" fmla="*/ 952209 h 952845"/>
              <a:gd name="connsiteX16" fmla="*/ 396844 w 1574500"/>
              <a:gd name="connsiteY16" fmla="*/ 938866 h 952845"/>
              <a:gd name="connsiteX17" fmla="*/ 455399 w 1574500"/>
              <a:gd name="connsiteY17" fmla="*/ 952845 h 952845"/>
              <a:gd name="connsiteX18" fmla="*/ 513669 w 1574500"/>
              <a:gd name="connsiteY18" fmla="*/ 904089 h 952845"/>
              <a:gd name="connsiteX19" fmla="*/ 560017 w 1574500"/>
              <a:gd name="connsiteY19" fmla="*/ 944594 h 952845"/>
              <a:gd name="connsiteX20" fmla="*/ 566547 w 1574500"/>
              <a:gd name="connsiteY20" fmla="*/ 844990 h 952845"/>
              <a:gd name="connsiteX21" fmla="*/ 1532250 w 1574500"/>
              <a:gd name="connsiteY21" fmla="*/ 935525 h 952845"/>
              <a:gd name="connsiteX22" fmla="*/ 1574500 w 1574500"/>
              <a:gd name="connsiteY22" fmla="*/ 190123 h 952845"/>
              <a:gd name="connsiteX23" fmla="*/ 1191236 w 1574500"/>
              <a:gd name="connsiteY23" fmla="*/ 156927 h 952845"/>
              <a:gd name="connsiteX24" fmla="*/ 1010167 w 1574500"/>
              <a:gd name="connsiteY24" fmla="*/ 141837 h 952845"/>
              <a:gd name="connsiteX25" fmla="*/ 910579 w 1574500"/>
              <a:gd name="connsiteY25" fmla="*/ 138820 h 952845"/>
              <a:gd name="connsiteX26" fmla="*/ 744599 w 1574500"/>
              <a:gd name="connsiteY26" fmla="*/ 111659 h 952845"/>
              <a:gd name="connsiteX27" fmla="*/ 599743 w 1574500"/>
              <a:gd name="connsiteY27" fmla="*/ 93552 h 952845"/>
              <a:gd name="connsiteX28" fmla="*/ 29375 w 1574500"/>
              <a:gd name="connsiteY28" fmla="*/ 0 h 9528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</a:cxnLst>
            <a:rect l="l" t="t" r="r" b="b"/>
            <a:pathLst>
              <a:path w="1574500" h="952845">
                <a:moveTo>
                  <a:pt x="29375" y="0"/>
                </a:moveTo>
                <a:lnTo>
                  <a:pt x="26357" y="63374"/>
                </a:lnTo>
                <a:lnTo>
                  <a:pt x="2215" y="129766"/>
                </a:lnTo>
                <a:cubicBezTo>
                  <a:pt x="1477" y="189488"/>
                  <a:pt x="738" y="249209"/>
                  <a:pt x="0" y="308931"/>
                </a:cubicBezTo>
                <a:lnTo>
                  <a:pt x="86191" y="429646"/>
                </a:lnTo>
                <a:lnTo>
                  <a:pt x="148421" y="485877"/>
                </a:lnTo>
                <a:lnTo>
                  <a:pt x="123656" y="567360"/>
                </a:lnTo>
                <a:lnTo>
                  <a:pt x="132705" y="618663"/>
                </a:lnTo>
                <a:lnTo>
                  <a:pt x="113874" y="645814"/>
                </a:lnTo>
                <a:lnTo>
                  <a:pt x="119910" y="679010"/>
                </a:lnTo>
                <a:lnTo>
                  <a:pt x="192337" y="675992"/>
                </a:lnTo>
                <a:lnTo>
                  <a:pt x="210444" y="739366"/>
                </a:lnTo>
                <a:lnTo>
                  <a:pt x="216480" y="775580"/>
                </a:lnTo>
                <a:lnTo>
                  <a:pt x="237605" y="817830"/>
                </a:lnTo>
                <a:lnTo>
                  <a:pt x="227946" y="874216"/>
                </a:lnTo>
                <a:lnTo>
                  <a:pt x="312230" y="952209"/>
                </a:lnTo>
                <a:lnTo>
                  <a:pt x="396844" y="938866"/>
                </a:lnTo>
                <a:lnTo>
                  <a:pt x="455399" y="952845"/>
                </a:lnTo>
                <a:lnTo>
                  <a:pt x="513669" y="904089"/>
                </a:lnTo>
                <a:lnTo>
                  <a:pt x="560017" y="944594"/>
                </a:lnTo>
                <a:lnTo>
                  <a:pt x="566547" y="844990"/>
                </a:lnTo>
                <a:lnTo>
                  <a:pt x="1532250" y="935525"/>
                </a:lnTo>
                <a:lnTo>
                  <a:pt x="1574500" y="190123"/>
                </a:lnTo>
                <a:lnTo>
                  <a:pt x="1191236" y="156927"/>
                </a:lnTo>
                <a:lnTo>
                  <a:pt x="1010167" y="141837"/>
                </a:lnTo>
                <a:lnTo>
                  <a:pt x="910579" y="138820"/>
                </a:lnTo>
                <a:lnTo>
                  <a:pt x="744599" y="111659"/>
                </a:lnTo>
                <a:lnTo>
                  <a:pt x="599743" y="93552"/>
                </a:lnTo>
                <a:lnTo>
                  <a:pt x="29375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7" name="Freeform 36"/>
          <p:cNvSpPr/>
          <p:nvPr userDrawn="1"/>
        </p:nvSpPr>
        <p:spPr>
          <a:xfrm rot="171972">
            <a:off x="3635463" y="1579559"/>
            <a:ext cx="1001712" cy="596900"/>
          </a:xfrm>
          <a:custGeom>
            <a:avLst/>
            <a:gdLst>
              <a:gd name="connsiteX0" fmla="*/ 27160 w 1001916"/>
              <a:gd name="connsiteY0" fmla="*/ 18107 h 597529"/>
              <a:gd name="connsiteX1" fmla="*/ 0 w 1001916"/>
              <a:gd name="connsiteY1" fmla="*/ 597529 h 597529"/>
              <a:gd name="connsiteX2" fmla="*/ 998899 w 1001916"/>
              <a:gd name="connsiteY2" fmla="*/ 588475 h 597529"/>
              <a:gd name="connsiteX3" fmla="*/ 1001916 w 1001916"/>
              <a:gd name="connsiteY3" fmla="*/ 537172 h 597529"/>
              <a:gd name="connsiteX4" fmla="*/ 974756 w 1001916"/>
              <a:gd name="connsiteY4" fmla="*/ 416459 h 597529"/>
              <a:gd name="connsiteX5" fmla="*/ 971738 w 1001916"/>
              <a:gd name="connsiteY5" fmla="*/ 316871 h 597529"/>
              <a:gd name="connsiteX6" fmla="*/ 932506 w 1001916"/>
              <a:gd name="connsiteY6" fmla="*/ 223319 h 597529"/>
              <a:gd name="connsiteX7" fmla="*/ 905346 w 1001916"/>
              <a:gd name="connsiteY7" fmla="*/ 196158 h 597529"/>
              <a:gd name="connsiteX8" fmla="*/ 911382 w 1001916"/>
              <a:gd name="connsiteY8" fmla="*/ 78463 h 597529"/>
              <a:gd name="connsiteX9" fmla="*/ 878186 w 1001916"/>
              <a:gd name="connsiteY9" fmla="*/ 0 h 597529"/>
              <a:gd name="connsiteX10" fmla="*/ 485869 w 1001916"/>
              <a:gd name="connsiteY10" fmla="*/ 27160 h 597529"/>
              <a:gd name="connsiteX11" fmla="*/ 350067 w 1001916"/>
              <a:gd name="connsiteY11" fmla="*/ 30178 h 597529"/>
              <a:gd name="connsiteX12" fmla="*/ 27160 w 1001916"/>
              <a:gd name="connsiteY12" fmla="*/ 18107 h 5975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001916" h="597529">
                <a:moveTo>
                  <a:pt x="27160" y="18107"/>
                </a:moveTo>
                <a:lnTo>
                  <a:pt x="0" y="597529"/>
                </a:lnTo>
                <a:lnTo>
                  <a:pt x="998899" y="588475"/>
                </a:lnTo>
                <a:lnTo>
                  <a:pt x="1001916" y="537172"/>
                </a:lnTo>
                <a:lnTo>
                  <a:pt x="974756" y="416459"/>
                </a:lnTo>
                <a:lnTo>
                  <a:pt x="971738" y="316871"/>
                </a:lnTo>
                <a:lnTo>
                  <a:pt x="932506" y="223319"/>
                </a:lnTo>
                <a:lnTo>
                  <a:pt x="905346" y="196158"/>
                </a:lnTo>
                <a:lnTo>
                  <a:pt x="911382" y="78463"/>
                </a:lnTo>
                <a:lnTo>
                  <a:pt x="878186" y="0"/>
                </a:lnTo>
                <a:lnTo>
                  <a:pt x="485869" y="27160"/>
                </a:lnTo>
                <a:lnTo>
                  <a:pt x="350067" y="30178"/>
                </a:lnTo>
                <a:lnTo>
                  <a:pt x="27160" y="18107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8" name="Freeform 37"/>
          <p:cNvSpPr/>
          <p:nvPr userDrawn="1"/>
        </p:nvSpPr>
        <p:spPr>
          <a:xfrm rot="171972">
            <a:off x="3574954" y="2159152"/>
            <a:ext cx="1098550" cy="650875"/>
          </a:xfrm>
          <a:custGeom>
            <a:avLst/>
            <a:gdLst>
              <a:gd name="connsiteX0" fmla="*/ 36214 w 1095470"/>
              <a:gd name="connsiteY0" fmla="*/ 12071 h 636760"/>
              <a:gd name="connsiteX1" fmla="*/ 0 w 1095470"/>
              <a:gd name="connsiteY1" fmla="*/ 555279 h 636760"/>
              <a:gd name="connsiteX2" fmla="*/ 437584 w 1095470"/>
              <a:gd name="connsiteY2" fmla="*/ 570368 h 636760"/>
              <a:gd name="connsiteX3" fmla="*/ 642796 w 1095470"/>
              <a:gd name="connsiteY3" fmla="*/ 567350 h 636760"/>
              <a:gd name="connsiteX4" fmla="*/ 772563 w 1095470"/>
              <a:gd name="connsiteY4" fmla="*/ 564333 h 636760"/>
              <a:gd name="connsiteX5" fmla="*/ 811794 w 1095470"/>
              <a:gd name="connsiteY5" fmla="*/ 570368 h 636760"/>
              <a:gd name="connsiteX6" fmla="*/ 863097 w 1095470"/>
              <a:gd name="connsiteY6" fmla="*/ 588475 h 636760"/>
              <a:gd name="connsiteX7" fmla="*/ 923454 w 1095470"/>
              <a:gd name="connsiteY7" fmla="*/ 567350 h 636760"/>
              <a:gd name="connsiteX8" fmla="*/ 974757 w 1095470"/>
              <a:gd name="connsiteY8" fmla="*/ 588475 h 636760"/>
              <a:gd name="connsiteX9" fmla="*/ 989846 w 1095470"/>
              <a:gd name="connsiteY9" fmla="*/ 609600 h 636760"/>
              <a:gd name="connsiteX10" fmla="*/ 1035113 w 1095470"/>
              <a:gd name="connsiteY10" fmla="*/ 603564 h 636760"/>
              <a:gd name="connsiteX11" fmla="*/ 1095470 w 1095470"/>
              <a:gd name="connsiteY11" fmla="*/ 636760 h 636760"/>
              <a:gd name="connsiteX12" fmla="*/ 1086416 w 1095470"/>
              <a:gd name="connsiteY12" fmla="*/ 585457 h 636760"/>
              <a:gd name="connsiteX13" fmla="*/ 1095470 w 1095470"/>
              <a:gd name="connsiteY13" fmla="*/ 528119 h 636760"/>
              <a:gd name="connsiteX14" fmla="*/ 1077363 w 1095470"/>
              <a:gd name="connsiteY14" fmla="*/ 461727 h 636760"/>
              <a:gd name="connsiteX15" fmla="*/ 1065291 w 1095470"/>
              <a:gd name="connsiteY15" fmla="*/ 111659 h 636760"/>
              <a:gd name="connsiteX16" fmla="*/ 1020024 w 1095470"/>
              <a:gd name="connsiteY16" fmla="*/ 81481 h 636760"/>
              <a:gd name="connsiteX17" fmla="*/ 1023042 w 1095470"/>
              <a:gd name="connsiteY17" fmla="*/ 45267 h 636760"/>
              <a:gd name="connsiteX18" fmla="*/ 1032095 w 1095470"/>
              <a:gd name="connsiteY18" fmla="*/ 0 h 636760"/>
              <a:gd name="connsiteX19" fmla="*/ 36214 w 1095470"/>
              <a:gd name="connsiteY19" fmla="*/ 12071 h 636760"/>
              <a:gd name="connsiteX0" fmla="*/ 26691 w 1095470"/>
              <a:gd name="connsiteY0" fmla="*/ 4928 h 636760"/>
              <a:gd name="connsiteX1" fmla="*/ 0 w 1095470"/>
              <a:gd name="connsiteY1" fmla="*/ 555279 h 636760"/>
              <a:gd name="connsiteX2" fmla="*/ 437584 w 1095470"/>
              <a:gd name="connsiteY2" fmla="*/ 570368 h 636760"/>
              <a:gd name="connsiteX3" fmla="*/ 642796 w 1095470"/>
              <a:gd name="connsiteY3" fmla="*/ 567350 h 636760"/>
              <a:gd name="connsiteX4" fmla="*/ 772563 w 1095470"/>
              <a:gd name="connsiteY4" fmla="*/ 564333 h 636760"/>
              <a:gd name="connsiteX5" fmla="*/ 811794 w 1095470"/>
              <a:gd name="connsiteY5" fmla="*/ 570368 h 636760"/>
              <a:gd name="connsiteX6" fmla="*/ 863097 w 1095470"/>
              <a:gd name="connsiteY6" fmla="*/ 588475 h 636760"/>
              <a:gd name="connsiteX7" fmla="*/ 923454 w 1095470"/>
              <a:gd name="connsiteY7" fmla="*/ 567350 h 636760"/>
              <a:gd name="connsiteX8" fmla="*/ 974757 w 1095470"/>
              <a:gd name="connsiteY8" fmla="*/ 588475 h 636760"/>
              <a:gd name="connsiteX9" fmla="*/ 989846 w 1095470"/>
              <a:gd name="connsiteY9" fmla="*/ 609600 h 636760"/>
              <a:gd name="connsiteX10" fmla="*/ 1035113 w 1095470"/>
              <a:gd name="connsiteY10" fmla="*/ 603564 h 636760"/>
              <a:gd name="connsiteX11" fmla="*/ 1095470 w 1095470"/>
              <a:gd name="connsiteY11" fmla="*/ 636760 h 636760"/>
              <a:gd name="connsiteX12" fmla="*/ 1086416 w 1095470"/>
              <a:gd name="connsiteY12" fmla="*/ 585457 h 636760"/>
              <a:gd name="connsiteX13" fmla="*/ 1095470 w 1095470"/>
              <a:gd name="connsiteY13" fmla="*/ 528119 h 636760"/>
              <a:gd name="connsiteX14" fmla="*/ 1077363 w 1095470"/>
              <a:gd name="connsiteY14" fmla="*/ 461727 h 636760"/>
              <a:gd name="connsiteX15" fmla="*/ 1065291 w 1095470"/>
              <a:gd name="connsiteY15" fmla="*/ 111659 h 636760"/>
              <a:gd name="connsiteX16" fmla="*/ 1020024 w 1095470"/>
              <a:gd name="connsiteY16" fmla="*/ 81481 h 636760"/>
              <a:gd name="connsiteX17" fmla="*/ 1023042 w 1095470"/>
              <a:gd name="connsiteY17" fmla="*/ 45267 h 636760"/>
              <a:gd name="connsiteX18" fmla="*/ 1032095 w 1095470"/>
              <a:gd name="connsiteY18" fmla="*/ 0 h 636760"/>
              <a:gd name="connsiteX19" fmla="*/ 26691 w 1095470"/>
              <a:gd name="connsiteY19" fmla="*/ 4928 h 636760"/>
              <a:gd name="connsiteX0" fmla="*/ 26691 w 1095470"/>
              <a:gd name="connsiteY0" fmla="*/ 16837 h 648669"/>
              <a:gd name="connsiteX1" fmla="*/ 0 w 1095470"/>
              <a:gd name="connsiteY1" fmla="*/ 567188 h 648669"/>
              <a:gd name="connsiteX2" fmla="*/ 437584 w 1095470"/>
              <a:gd name="connsiteY2" fmla="*/ 582277 h 648669"/>
              <a:gd name="connsiteX3" fmla="*/ 642796 w 1095470"/>
              <a:gd name="connsiteY3" fmla="*/ 579259 h 648669"/>
              <a:gd name="connsiteX4" fmla="*/ 772563 w 1095470"/>
              <a:gd name="connsiteY4" fmla="*/ 576242 h 648669"/>
              <a:gd name="connsiteX5" fmla="*/ 811794 w 1095470"/>
              <a:gd name="connsiteY5" fmla="*/ 582277 h 648669"/>
              <a:gd name="connsiteX6" fmla="*/ 863097 w 1095470"/>
              <a:gd name="connsiteY6" fmla="*/ 600384 h 648669"/>
              <a:gd name="connsiteX7" fmla="*/ 923454 w 1095470"/>
              <a:gd name="connsiteY7" fmla="*/ 579259 h 648669"/>
              <a:gd name="connsiteX8" fmla="*/ 974757 w 1095470"/>
              <a:gd name="connsiteY8" fmla="*/ 600384 h 648669"/>
              <a:gd name="connsiteX9" fmla="*/ 989846 w 1095470"/>
              <a:gd name="connsiteY9" fmla="*/ 621509 h 648669"/>
              <a:gd name="connsiteX10" fmla="*/ 1035113 w 1095470"/>
              <a:gd name="connsiteY10" fmla="*/ 615473 h 648669"/>
              <a:gd name="connsiteX11" fmla="*/ 1095470 w 1095470"/>
              <a:gd name="connsiteY11" fmla="*/ 648669 h 648669"/>
              <a:gd name="connsiteX12" fmla="*/ 1086416 w 1095470"/>
              <a:gd name="connsiteY12" fmla="*/ 597366 h 648669"/>
              <a:gd name="connsiteX13" fmla="*/ 1095470 w 1095470"/>
              <a:gd name="connsiteY13" fmla="*/ 540028 h 648669"/>
              <a:gd name="connsiteX14" fmla="*/ 1077363 w 1095470"/>
              <a:gd name="connsiteY14" fmla="*/ 473636 h 648669"/>
              <a:gd name="connsiteX15" fmla="*/ 1065291 w 1095470"/>
              <a:gd name="connsiteY15" fmla="*/ 123568 h 648669"/>
              <a:gd name="connsiteX16" fmla="*/ 1020024 w 1095470"/>
              <a:gd name="connsiteY16" fmla="*/ 93390 h 648669"/>
              <a:gd name="connsiteX17" fmla="*/ 1023042 w 1095470"/>
              <a:gd name="connsiteY17" fmla="*/ 57176 h 648669"/>
              <a:gd name="connsiteX18" fmla="*/ 1034566 w 1095470"/>
              <a:gd name="connsiteY18" fmla="*/ 0 h 648669"/>
              <a:gd name="connsiteX19" fmla="*/ 26691 w 1095470"/>
              <a:gd name="connsiteY19" fmla="*/ 16837 h 648669"/>
              <a:gd name="connsiteX0" fmla="*/ 26691 w 1095470"/>
              <a:gd name="connsiteY0" fmla="*/ 19220 h 651052"/>
              <a:gd name="connsiteX1" fmla="*/ 0 w 1095470"/>
              <a:gd name="connsiteY1" fmla="*/ 569571 h 651052"/>
              <a:gd name="connsiteX2" fmla="*/ 437584 w 1095470"/>
              <a:gd name="connsiteY2" fmla="*/ 584660 h 651052"/>
              <a:gd name="connsiteX3" fmla="*/ 642796 w 1095470"/>
              <a:gd name="connsiteY3" fmla="*/ 581642 h 651052"/>
              <a:gd name="connsiteX4" fmla="*/ 772563 w 1095470"/>
              <a:gd name="connsiteY4" fmla="*/ 578625 h 651052"/>
              <a:gd name="connsiteX5" fmla="*/ 811794 w 1095470"/>
              <a:gd name="connsiteY5" fmla="*/ 584660 h 651052"/>
              <a:gd name="connsiteX6" fmla="*/ 863097 w 1095470"/>
              <a:gd name="connsiteY6" fmla="*/ 602767 h 651052"/>
              <a:gd name="connsiteX7" fmla="*/ 923454 w 1095470"/>
              <a:gd name="connsiteY7" fmla="*/ 581642 h 651052"/>
              <a:gd name="connsiteX8" fmla="*/ 974757 w 1095470"/>
              <a:gd name="connsiteY8" fmla="*/ 602767 h 651052"/>
              <a:gd name="connsiteX9" fmla="*/ 989846 w 1095470"/>
              <a:gd name="connsiteY9" fmla="*/ 623892 h 651052"/>
              <a:gd name="connsiteX10" fmla="*/ 1035113 w 1095470"/>
              <a:gd name="connsiteY10" fmla="*/ 617856 h 651052"/>
              <a:gd name="connsiteX11" fmla="*/ 1095470 w 1095470"/>
              <a:gd name="connsiteY11" fmla="*/ 651052 h 651052"/>
              <a:gd name="connsiteX12" fmla="*/ 1086416 w 1095470"/>
              <a:gd name="connsiteY12" fmla="*/ 599749 h 651052"/>
              <a:gd name="connsiteX13" fmla="*/ 1095470 w 1095470"/>
              <a:gd name="connsiteY13" fmla="*/ 542411 h 651052"/>
              <a:gd name="connsiteX14" fmla="*/ 1077363 w 1095470"/>
              <a:gd name="connsiteY14" fmla="*/ 476019 h 651052"/>
              <a:gd name="connsiteX15" fmla="*/ 1065291 w 1095470"/>
              <a:gd name="connsiteY15" fmla="*/ 125951 h 651052"/>
              <a:gd name="connsiteX16" fmla="*/ 1020024 w 1095470"/>
              <a:gd name="connsiteY16" fmla="*/ 95773 h 651052"/>
              <a:gd name="connsiteX17" fmla="*/ 1023042 w 1095470"/>
              <a:gd name="connsiteY17" fmla="*/ 59559 h 651052"/>
              <a:gd name="connsiteX18" fmla="*/ 1044182 w 1095470"/>
              <a:gd name="connsiteY18" fmla="*/ 0 h 651052"/>
              <a:gd name="connsiteX19" fmla="*/ 26691 w 1095470"/>
              <a:gd name="connsiteY19" fmla="*/ 19220 h 651052"/>
              <a:gd name="connsiteX0" fmla="*/ 26691 w 1095470"/>
              <a:gd name="connsiteY0" fmla="*/ 19220 h 651052"/>
              <a:gd name="connsiteX1" fmla="*/ 0 w 1095470"/>
              <a:gd name="connsiteY1" fmla="*/ 569571 h 651052"/>
              <a:gd name="connsiteX2" fmla="*/ 437584 w 1095470"/>
              <a:gd name="connsiteY2" fmla="*/ 584660 h 651052"/>
              <a:gd name="connsiteX3" fmla="*/ 642796 w 1095470"/>
              <a:gd name="connsiteY3" fmla="*/ 581642 h 651052"/>
              <a:gd name="connsiteX4" fmla="*/ 772563 w 1095470"/>
              <a:gd name="connsiteY4" fmla="*/ 578625 h 651052"/>
              <a:gd name="connsiteX5" fmla="*/ 811794 w 1095470"/>
              <a:gd name="connsiteY5" fmla="*/ 584660 h 651052"/>
              <a:gd name="connsiteX6" fmla="*/ 863097 w 1095470"/>
              <a:gd name="connsiteY6" fmla="*/ 602767 h 651052"/>
              <a:gd name="connsiteX7" fmla="*/ 923454 w 1095470"/>
              <a:gd name="connsiteY7" fmla="*/ 581642 h 651052"/>
              <a:gd name="connsiteX8" fmla="*/ 974757 w 1095470"/>
              <a:gd name="connsiteY8" fmla="*/ 602767 h 651052"/>
              <a:gd name="connsiteX9" fmla="*/ 989846 w 1095470"/>
              <a:gd name="connsiteY9" fmla="*/ 623892 h 651052"/>
              <a:gd name="connsiteX10" fmla="*/ 1035113 w 1095470"/>
              <a:gd name="connsiteY10" fmla="*/ 617856 h 651052"/>
              <a:gd name="connsiteX11" fmla="*/ 1095470 w 1095470"/>
              <a:gd name="connsiteY11" fmla="*/ 651052 h 651052"/>
              <a:gd name="connsiteX12" fmla="*/ 1086416 w 1095470"/>
              <a:gd name="connsiteY12" fmla="*/ 599749 h 651052"/>
              <a:gd name="connsiteX13" fmla="*/ 1095470 w 1095470"/>
              <a:gd name="connsiteY13" fmla="*/ 542411 h 651052"/>
              <a:gd name="connsiteX14" fmla="*/ 1077363 w 1095470"/>
              <a:gd name="connsiteY14" fmla="*/ 476019 h 651052"/>
              <a:gd name="connsiteX15" fmla="*/ 1065291 w 1095470"/>
              <a:gd name="connsiteY15" fmla="*/ 125951 h 651052"/>
              <a:gd name="connsiteX16" fmla="*/ 1020024 w 1095470"/>
              <a:gd name="connsiteY16" fmla="*/ 95773 h 651052"/>
              <a:gd name="connsiteX17" fmla="*/ 1035038 w 1095470"/>
              <a:gd name="connsiteY17" fmla="*/ 59575 h 651052"/>
              <a:gd name="connsiteX18" fmla="*/ 1044182 w 1095470"/>
              <a:gd name="connsiteY18" fmla="*/ 0 h 651052"/>
              <a:gd name="connsiteX19" fmla="*/ 26691 w 1095470"/>
              <a:gd name="connsiteY19" fmla="*/ 19220 h 651052"/>
              <a:gd name="connsiteX0" fmla="*/ 26691 w 1095470"/>
              <a:gd name="connsiteY0" fmla="*/ 19220 h 651052"/>
              <a:gd name="connsiteX1" fmla="*/ 0 w 1095470"/>
              <a:gd name="connsiteY1" fmla="*/ 569571 h 651052"/>
              <a:gd name="connsiteX2" fmla="*/ 437584 w 1095470"/>
              <a:gd name="connsiteY2" fmla="*/ 584660 h 651052"/>
              <a:gd name="connsiteX3" fmla="*/ 642796 w 1095470"/>
              <a:gd name="connsiteY3" fmla="*/ 581642 h 651052"/>
              <a:gd name="connsiteX4" fmla="*/ 772563 w 1095470"/>
              <a:gd name="connsiteY4" fmla="*/ 578625 h 651052"/>
              <a:gd name="connsiteX5" fmla="*/ 811794 w 1095470"/>
              <a:gd name="connsiteY5" fmla="*/ 584660 h 651052"/>
              <a:gd name="connsiteX6" fmla="*/ 863097 w 1095470"/>
              <a:gd name="connsiteY6" fmla="*/ 602767 h 651052"/>
              <a:gd name="connsiteX7" fmla="*/ 923454 w 1095470"/>
              <a:gd name="connsiteY7" fmla="*/ 581642 h 651052"/>
              <a:gd name="connsiteX8" fmla="*/ 974757 w 1095470"/>
              <a:gd name="connsiteY8" fmla="*/ 602767 h 651052"/>
              <a:gd name="connsiteX9" fmla="*/ 989846 w 1095470"/>
              <a:gd name="connsiteY9" fmla="*/ 623892 h 651052"/>
              <a:gd name="connsiteX10" fmla="*/ 1035113 w 1095470"/>
              <a:gd name="connsiteY10" fmla="*/ 617856 h 651052"/>
              <a:gd name="connsiteX11" fmla="*/ 1095470 w 1095470"/>
              <a:gd name="connsiteY11" fmla="*/ 651052 h 651052"/>
              <a:gd name="connsiteX12" fmla="*/ 1086416 w 1095470"/>
              <a:gd name="connsiteY12" fmla="*/ 599749 h 651052"/>
              <a:gd name="connsiteX13" fmla="*/ 1095470 w 1095470"/>
              <a:gd name="connsiteY13" fmla="*/ 542411 h 651052"/>
              <a:gd name="connsiteX14" fmla="*/ 1077363 w 1095470"/>
              <a:gd name="connsiteY14" fmla="*/ 476019 h 651052"/>
              <a:gd name="connsiteX15" fmla="*/ 1077291 w 1095470"/>
              <a:gd name="connsiteY15" fmla="*/ 125985 h 651052"/>
              <a:gd name="connsiteX16" fmla="*/ 1020024 w 1095470"/>
              <a:gd name="connsiteY16" fmla="*/ 95773 h 651052"/>
              <a:gd name="connsiteX17" fmla="*/ 1035038 w 1095470"/>
              <a:gd name="connsiteY17" fmla="*/ 59575 h 651052"/>
              <a:gd name="connsiteX18" fmla="*/ 1044182 w 1095470"/>
              <a:gd name="connsiteY18" fmla="*/ 0 h 651052"/>
              <a:gd name="connsiteX19" fmla="*/ 26691 w 1095470"/>
              <a:gd name="connsiteY19" fmla="*/ 19220 h 651052"/>
              <a:gd name="connsiteX0" fmla="*/ 26691 w 1098889"/>
              <a:gd name="connsiteY0" fmla="*/ 19220 h 651052"/>
              <a:gd name="connsiteX1" fmla="*/ 0 w 1098889"/>
              <a:gd name="connsiteY1" fmla="*/ 569571 h 651052"/>
              <a:gd name="connsiteX2" fmla="*/ 437584 w 1098889"/>
              <a:gd name="connsiteY2" fmla="*/ 584660 h 651052"/>
              <a:gd name="connsiteX3" fmla="*/ 642796 w 1098889"/>
              <a:gd name="connsiteY3" fmla="*/ 581642 h 651052"/>
              <a:gd name="connsiteX4" fmla="*/ 772563 w 1098889"/>
              <a:gd name="connsiteY4" fmla="*/ 578625 h 651052"/>
              <a:gd name="connsiteX5" fmla="*/ 811794 w 1098889"/>
              <a:gd name="connsiteY5" fmla="*/ 584660 h 651052"/>
              <a:gd name="connsiteX6" fmla="*/ 863097 w 1098889"/>
              <a:gd name="connsiteY6" fmla="*/ 602767 h 651052"/>
              <a:gd name="connsiteX7" fmla="*/ 923454 w 1098889"/>
              <a:gd name="connsiteY7" fmla="*/ 581642 h 651052"/>
              <a:gd name="connsiteX8" fmla="*/ 974757 w 1098889"/>
              <a:gd name="connsiteY8" fmla="*/ 602767 h 651052"/>
              <a:gd name="connsiteX9" fmla="*/ 989846 w 1098889"/>
              <a:gd name="connsiteY9" fmla="*/ 623892 h 651052"/>
              <a:gd name="connsiteX10" fmla="*/ 1035113 w 1098889"/>
              <a:gd name="connsiteY10" fmla="*/ 617856 h 651052"/>
              <a:gd name="connsiteX11" fmla="*/ 1095470 w 1098889"/>
              <a:gd name="connsiteY11" fmla="*/ 651052 h 651052"/>
              <a:gd name="connsiteX12" fmla="*/ 1086416 w 1098889"/>
              <a:gd name="connsiteY12" fmla="*/ 599749 h 651052"/>
              <a:gd name="connsiteX13" fmla="*/ 1095470 w 1098889"/>
              <a:gd name="connsiteY13" fmla="*/ 542411 h 651052"/>
              <a:gd name="connsiteX14" fmla="*/ 1098889 w 1098889"/>
              <a:gd name="connsiteY14" fmla="*/ 476148 h 651052"/>
              <a:gd name="connsiteX15" fmla="*/ 1077291 w 1098889"/>
              <a:gd name="connsiteY15" fmla="*/ 125985 h 651052"/>
              <a:gd name="connsiteX16" fmla="*/ 1020024 w 1098889"/>
              <a:gd name="connsiteY16" fmla="*/ 95773 h 651052"/>
              <a:gd name="connsiteX17" fmla="*/ 1035038 w 1098889"/>
              <a:gd name="connsiteY17" fmla="*/ 59575 h 651052"/>
              <a:gd name="connsiteX18" fmla="*/ 1044182 w 1098889"/>
              <a:gd name="connsiteY18" fmla="*/ 0 h 651052"/>
              <a:gd name="connsiteX19" fmla="*/ 26691 w 1098889"/>
              <a:gd name="connsiteY19" fmla="*/ 19220 h 6510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1098889" h="651052">
                <a:moveTo>
                  <a:pt x="26691" y="19220"/>
                </a:moveTo>
                <a:lnTo>
                  <a:pt x="0" y="569571"/>
                </a:lnTo>
                <a:lnTo>
                  <a:pt x="437584" y="584660"/>
                </a:lnTo>
                <a:lnTo>
                  <a:pt x="642796" y="581642"/>
                </a:lnTo>
                <a:lnTo>
                  <a:pt x="772563" y="578625"/>
                </a:lnTo>
                <a:lnTo>
                  <a:pt x="811794" y="584660"/>
                </a:lnTo>
                <a:lnTo>
                  <a:pt x="863097" y="602767"/>
                </a:lnTo>
                <a:lnTo>
                  <a:pt x="923454" y="581642"/>
                </a:lnTo>
                <a:lnTo>
                  <a:pt x="974757" y="602767"/>
                </a:lnTo>
                <a:lnTo>
                  <a:pt x="989846" y="623892"/>
                </a:lnTo>
                <a:lnTo>
                  <a:pt x="1035113" y="617856"/>
                </a:lnTo>
                <a:lnTo>
                  <a:pt x="1095470" y="651052"/>
                </a:lnTo>
                <a:lnTo>
                  <a:pt x="1086416" y="599749"/>
                </a:lnTo>
                <a:lnTo>
                  <a:pt x="1095470" y="542411"/>
                </a:lnTo>
                <a:lnTo>
                  <a:pt x="1098889" y="476148"/>
                </a:lnTo>
                <a:lnTo>
                  <a:pt x="1077291" y="125985"/>
                </a:lnTo>
                <a:lnTo>
                  <a:pt x="1020024" y="95773"/>
                </a:lnTo>
                <a:lnTo>
                  <a:pt x="1035038" y="59575"/>
                </a:lnTo>
                <a:lnTo>
                  <a:pt x="1044182" y="0"/>
                </a:lnTo>
                <a:lnTo>
                  <a:pt x="26691" y="1922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39" name="Freeform 38"/>
          <p:cNvSpPr/>
          <p:nvPr userDrawn="1"/>
        </p:nvSpPr>
        <p:spPr>
          <a:xfrm rot="171972">
            <a:off x="3535671" y="2729592"/>
            <a:ext cx="1298575" cy="576263"/>
          </a:xfrm>
          <a:custGeom>
            <a:avLst/>
            <a:gdLst>
              <a:gd name="connsiteX0" fmla="*/ 9054 w 1297663"/>
              <a:gd name="connsiteY0" fmla="*/ 0 h 567350"/>
              <a:gd name="connsiteX1" fmla="*/ 0 w 1297663"/>
              <a:gd name="connsiteY1" fmla="*/ 377227 h 567350"/>
              <a:gd name="connsiteX2" fmla="*/ 298764 w 1297663"/>
              <a:gd name="connsiteY2" fmla="*/ 404388 h 567350"/>
              <a:gd name="connsiteX3" fmla="*/ 301782 w 1297663"/>
              <a:gd name="connsiteY3" fmla="*/ 567350 h 567350"/>
              <a:gd name="connsiteX4" fmla="*/ 754455 w 1297663"/>
              <a:gd name="connsiteY4" fmla="*/ 555279 h 567350"/>
              <a:gd name="connsiteX5" fmla="*/ 838955 w 1297663"/>
              <a:gd name="connsiteY5" fmla="*/ 555279 h 567350"/>
              <a:gd name="connsiteX6" fmla="*/ 1219200 w 1297663"/>
              <a:gd name="connsiteY6" fmla="*/ 534154 h 567350"/>
              <a:gd name="connsiteX7" fmla="*/ 1282574 w 1297663"/>
              <a:gd name="connsiteY7" fmla="*/ 534154 h 567350"/>
              <a:gd name="connsiteX8" fmla="*/ 1297663 w 1297663"/>
              <a:gd name="connsiteY8" fmla="*/ 534154 h 567350"/>
              <a:gd name="connsiteX9" fmla="*/ 1249378 w 1297663"/>
              <a:gd name="connsiteY9" fmla="*/ 467762 h 567350"/>
              <a:gd name="connsiteX10" fmla="*/ 1222218 w 1297663"/>
              <a:gd name="connsiteY10" fmla="*/ 413441 h 567350"/>
              <a:gd name="connsiteX11" fmla="*/ 1222218 w 1297663"/>
              <a:gd name="connsiteY11" fmla="*/ 334978 h 567350"/>
              <a:gd name="connsiteX12" fmla="*/ 1201093 w 1297663"/>
              <a:gd name="connsiteY12" fmla="*/ 283675 h 567350"/>
              <a:gd name="connsiteX13" fmla="*/ 1201093 w 1297663"/>
              <a:gd name="connsiteY13" fmla="*/ 256515 h 567350"/>
              <a:gd name="connsiteX14" fmla="*/ 1173933 w 1297663"/>
              <a:gd name="connsiteY14" fmla="*/ 229354 h 567350"/>
              <a:gd name="connsiteX15" fmla="*/ 1170915 w 1297663"/>
              <a:gd name="connsiteY15" fmla="*/ 202194 h 567350"/>
              <a:gd name="connsiteX16" fmla="*/ 1134701 w 1297663"/>
              <a:gd name="connsiteY16" fmla="*/ 147873 h 567350"/>
              <a:gd name="connsiteX17" fmla="*/ 1113576 w 1297663"/>
              <a:gd name="connsiteY17" fmla="*/ 75445 h 567350"/>
              <a:gd name="connsiteX18" fmla="*/ 1056238 w 1297663"/>
              <a:gd name="connsiteY18" fmla="*/ 45267 h 567350"/>
              <a:gd name="connsiteX19" fmla="*/ 1001917 w 1297663"/>
              <a:gd name="connsiteY19" fmla="*/ 48285 h 567350"/>
              <a:gd name="connsiteX20" fmla="*/ 983810 w 1297663"/>
              <a:gd name="connsiteY20" fmla="*/ 27160 h 567350"/>
              <a:gd name="connsiteX21" fmla="*/ 935525 w 1297663"/>
              <a:gd name="connsiteY21" fmla="*/ 9053 h 567350"/>
              <a:gd name="connsiteX22" fmla="*/ 872151 w 1297663"/>
              <a:gd name="connsiteY22" fmla="*/ 33196 h 567350"/>
              <a:gd name="connsiteX23" fmla="*/ 802741 w 1297663"/>
              <a:gd name="connsiteY23" fmla="*/ 0 h 567350"/>
              <a:gd name="connsiteX24" fmla="*/ 9054 w 1297663"/>
              <a:gd name="connsiteY24" fmla="*/ 0 h 567350"/>
              <a:gd name="connsiteX0" fmla="*/ 13813 w 1297663"/>
              <a:gd name="connsiteY0" fmla="*/ 0 h 576885"/>
              <a:gd name="connsiteX1" fmla="*/ 0 w 1297663"/>
              <a:gd name="connsiteY1" fmla="*/ 386762 h 576885"/>
              <a:gd name="connsiteX2" fmla="*/ 298764 w 1297663"/>
              <a:gd name="connsiteY2" fmla="*/ 413923 h 576885"/>
              <a:gd name="connsiteX3" fmla="*/ 301782 w 1297663"/>
              <a:gd name="connsiteY3" fmla="*/ 576885 h 576885"/>
              <a:gd name="connsiteX4" fmla="*/ 754455 w 1297663"/>
              <a:gd name="connsiteY4" fmla="*/ 564814 h 576885"/>
              <a:gd name="connsiteX5" fmla="*/ 838955 w 1297663"/>
              <a:gd name="connsiteY5" fmla="*/ 564814 h 576885"/>
              <a:gd name="connsiteX6" fmla="*/ 1219200 w 1297663"/>
              <a:gd name="connsiteY6" fmla="*/ 543689 h 576885"/>
              <a:gd name="connsiteX7" fmla="*/ 1282574 w 1297663"/>
              <a:gd name="connsiteY7" fmla="*/ 543689 h 576885"/>
              <a:gd name="connsiteX8" fmla="*/ 1297663 w 1297663"/>
              <a:gd name="connsiteY8" fmla="*/ 543689 h 576885"/>
              <a:gd name="connsiteX9" fmla="*/ 1249378 w 1297663"/>
              <a:gd name="connsiteY9" fmla="*/ 477297 h 576885"/>
              <a:gd name="connsiteX10" fmla="*/ 1222218 w 1297663"/>
              <a:gd name="connsiteY10" fmla="*/ 422976 h 576885"/>
              <a:gd name="connsiteX11" fmla="*/ 1222218 w 1297663"/>
              <a:gd name="connsiteY11" fmla="*/ 344513 h 576885"/>
              <a:gd name="connsiteX12" fmla="*/ 1201093 w 1297663"/>
              <a:gd name="connsiteY12" fmla="*/ 293210 h 576885"/>
              <a:gd name="connsiteX13" fmla="*/ 1201093 w 1297663"/>
              <a:gd name="connsiteY13" fmla="*/ 266050 h 576885"/>
              <a:gd name="connsiteX14" fmla="*/ 1173933 w 1297663"/>
              <a:gd name="connsiteY14" fmla="*/ 238889 h 576885"/>
              <a:gd name="connsiteX15" fmla="*/ 1170915 w 1297663"/>
              <a:gd name="connsiteY15" fmla="*/ 211729 h 576885"/>
              <a:gd name="connsiteX16" fmla="*/ 1134701 w 1297663"/>
              <a:gd name="connsiteY16" fmla="*/ 157408 h 576885"/>
              <a:gd name="connsiteX17" fmla="*/ 1113576 w 1297663"/>
              <a:gd name="connsiteY17" fmla="*/ 84980 h 576885"/>
              <a:gd name="connsiteX18" fmla="*/ 1056238 w 1297663"/>
              <a:gd name="connsiteY18" fmla="*/ 54802 h 576885"/>
              <a:gd name="connsiteX19" fmla="*/ 1001917 w 1297663"/>
              <a:gd name="connsiteY19" fmla="*/ 57820 h 576885"/>
              <a:gd name="connsiteX20" fmla="*/ 983810 w 1297663"/>
              <a:gd name="connsiteY20" fmla="*/ 36695 h 576885"/>
              <a:gd name="connsiteX21" fmla="*/ 935525 w 1297663"/>
              <a:gd name="connsiteY21" fmla="*/ 18588 h 576885"/>
              <a:gd name="connsiteX22" fmla="*/ 872151 w 1297663"/>
              <a:gd name="connsiteY22" fmla="*/ 42731 h 576885"/>
              <a:gd name="connsiteX23" fmla="*/ 802741 w 1297663"/>
              <a:gd name="connsiteY23" fmla="*/ 9535 h 576885"/>
              <a:gd name="connsiteX24" fmla="*/ 13813 w 1297663"/>
              <a:gd name="connsiteY24" fmla="*/ 0 h 576885"/>
              <a:gd name="connsiteX0" fmla="*/ 13813 w 1297663"/>
              <a:gd name="connsiteY0" fmla="*/ 0 h 576885"/>
              <a:gd name="connsiteX1" fmla="*/ 0 w 1297663"/>
              <a:gd name="connsiteY1" fmla="*/ 386762 h 576885"/>
              <a:gd name="connsiteX2" fmla="*/ 298764 w 1297663"/>
              <a:gd name="connsiteY2" fmla="*/ 413923 h 576885"/>
              <a:gd name="connsiteX3" fmla="*/ 301782 w 1297663"/>
              <a:gd name="connsiteY3" fmla="*/ 576885 h 576885"/>
              <a:gd name="connsiteX4" fmla="*/ 754455 w 1297663"/>
              <a:gd name="connsiteY4" fmla="*/ 564814 h 576885"/>
              <a:gd name="connsiteX5" fmla="*/ 838955 w 1297663"/>
              <a:gd name="connsiteY5" fmla="*/ 564814 h 576885"/>
              <a:gd name="connsiteX6" fmla="*/ 1219200 w 1297663"/>
              <a:gd name="connsiteY6" fmla="*/ 543689 h 576885"/>
              <a:gd name="connsiteX7" fmla="*/ 1282574 w 1297663"/>
              <a:gd name="connsiteY7" fmla="*/ 543689 h 576885"/>
              <a:gd name="connsiteX8" fmla="*/ 1297663 w 1297663"/>
              <a:gd name="connsiteY8" fmla="*/ 543689 h 576885"/>
              <a:gd name="connsiteX9" fmla="*/ 1249378 w 1297663"/>
              <a:gd name="connsiteY9" fmla="*/ 477297 h 576885"/>
              <a:gd name="connsiteX10" fmla="*/ 1222218 w 1297663"/>
              <a:gd name="connsiteY10" fmla="*/ 422976 h 576885"/>
              <a:gd name="connsiteX11" fmla="*/ 1222218 w 1297663"/>
              <a:gd name="connsiteY11" fmla="*/ 344513 h 576885"/>
              <a:gd name="connsiteX12" fmla="*/ 1201093 w 1297663"/>
              <a:gd name="connsiteY12" fmla="*/ 293210 h 576885"/>
              <a:gd name="connsiteX13" fmla="*/ 1201093 w 1297663"/>
              <a:gd name="connsiteY13" fmla="*/ 266050 h 576885"/>
              <a:gd name="connsiteX14" fmla="*/ 1173933 w 1297663"/>
              <a:gd name="connsiteY14" fmla="*/ 238889 h 576885"/>
              <a:gd name="connsiteX15" fmla="*/ 1170915 w 1297663"/>
              <a:gd name="connsiteY15" fmla="*/ 211729 h 576885"/>
              <a:gd name="connsiteX16" fmla="*/ 1134701 w 1297663"/>
              <a:gd name="connsiteY16" fmla="*/ 157408 h 576885"/>
              <a:gd name="connsiteX17" fmla="*/ 1113576 w 1297663"/>
              <a:gd name="connsiteY17" fmla="*/ 84980 h 576885"/>
              <a:gd name="connsiteX18" fmla="*/ 1056238 w 1297663"/>
              <a:gd name="connsiteY18" fmla="*/ 54802 h 576885"/>
              <a:gd name="connsiteX19" fmla="*/ 1001917 w 1297663"/>
              <a:gd name="connsiteY19" fmla="*/ 57820 h 576885"/>
              <a:gd name="connsiteX20" fmla="*/ 983810 w 1297663"/>
              <a:gd name="connsiteY20" fmla="*/ 36695 h 576885"/>
              <a:gd name="connsiteX21" fmla="*/ 935525 w 1297663"/>
              <a:gd name="connsiteY21" fmla="*/ 18588 h 576885"/>
              <a:gd name="connsiteX22" fmla="*/ 874530 w 1297663"/>
              <a:gd name="connsiteY22" fmla="*/ 30812 h 576885"/>
              <a:gd name="connsiteX23" fmla="*/ 802741 w 1297663"/>
              <a:gd name="connsiteY23" fmla="*/ 9535 h 576885"/>
              <a:gd name="connsiteX24" fmla="*/ 13813 w 1297663"/>
              <a:gd name="connsiteY24" fmla="*/ 0 h 57688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1297663" h="576885">
                <a:moveTo>
                  <a:pt x="13813" y="0"/>
                </a:moveTo>
                <a:lnTo>
                  <a:pt x="0" y="386762"/>
                </a:lnTo>
                <a:lnTo>
                  <a:pt x="298764" y="413923"/>
                </a:lnTo>
                <a:lnTo>
                  <a:pt x="301782" y="576885"/>
                </a:lnTo>
                <a:lnTo>
                  <a:pt x="754455" y="564814"/>
                </a:lnTo>
                <a:lnTo>
                  <a:pt x="838955" y="564814"/>
                </a:lnTo>
                <a:lnTo>
                  <a:pt x="1219200" y="543689"/>
                </a:lnTo>
                <a:lnTo>
                  <a:pt x="1282574" y="543689"/>
                </a:lnTo>
                <a:lnTo>
                  <a:pt x="1297663" y="543689"/>
                </a:lnTo>
                <a:lnTo>
                  <a:pt x="1249378" y="477297"/>
                </a:lnTo>
                <a:lnTo>
                  <a:pt x="1222218" y="422976"/>
                </a:lnTo>
                <a:lnTo>
                  <a:pt x="1222218" y="344513"/>
                </a:lnTo>
                <a:lnTo>
                  <a:pt x="1201093" y="293210"/>
                </a:lnTo>
                <a:lnTo>
                  <a:pt x="1201093" y="266050"/>
                </a:lnTo>
                <a:lnTo>
                  <a:pt x="1173933" y="238889"/>
                </a:lnTo>
                <a:lnTo>
                  <a:pt x="1170915" y="211729"/>
                </a:lnTo>
                <a:lnTo>
                  <a:pt x="1134701" y="157408"/>
                </a:lnTo>
                <a:lnTo>
                  <a:pt x="1113576" y="84980"/>
                </a:lnTo>
                <a:lnTo>
                  <a:pt x="1056238" y="54802"/>
                </a:lnTo>
                <a:lnTo>
                  <a:pt x="1001917" y="57820"/>
                </a:lnTo>
                <a:lnTo>
                  <a:pt x="983810" y="36695"/>
                </a:lnTo>
                <a:lnTo>
                  <a:pt x="935525" y="18588"/>
                </a:lnTo>
                <a:lnTo>
                  <a:pt x="874530" y="30812"/>
                </a:lnTo>
                <a:lnTo>
                  <a:pt x="802741" y="9535"/>
                </a:lnTo>
                <a:lnTo>
                  <a:pt x="13813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0" name="Freeform 39"/>
          <p:cNvSpPr/>
          <p:nvPr userDrawn="1"/>
        </p:nvSpPr>
        <p:spPr>
          <a:xfrm rot="171972">
            <a:off x="3791259" y="3279629"/>
            <a:ext cx="1169987" cy="628650"/>
          </a:xfrm>
          <a:custGeom>
            <a:avLst/>
            <a:gdLst>
              <a:gd name="connsiteX0" fmla="*/ 15089 w 1170915"/>
              <a:gd name="connsiteY0" fmla="*/ 21125 h 618653"/>
              <a:gd name="connsiteX1" fmla="*/ 0 w 1170915"/>
              <a:gd name="connsiteY1" fmla="*/ 618653 h 618653"/>
              <a:gd name="connsiteX2" fmla="*/ 467763 w 1170915"/>
              <a:gd name="connsiteY2" fmla="*/ 615636 h 618653"/>
              <a:gd name="connsiteX3" fmla="*/ 636761 w 1170915"/>
              <a:gd name="connsiteY3" fmla="*/ 612618 h 618653"/>
              <a:gd name="connsiteX4" fmla="*/ 887240 w 1170915"/>
              <a:gd name="connsiteY4" fmla="*/ 588475 h 618653"/>
              <a:gd name="connsiteX5" fmla="*/ 1170915 w 1170915"/>
              <a:gd name="connsiteY5" fmla="*/ 561315 h 618653"/>
              <a:gd name="connsiteX6" fmla="*/ 1143755 w 1170915"/>
              <a:gd name="connsiteY6" fmla="*/ 168998 h 618653"/>
              <a:gd name="connsiteX7" fmla="*/ 1068309 w 1170915"/>
              <a:gd name="connsiteY7" fmla="*/ 93552 h 618653"/>
              <a:gd name="connsiteX8" fmla="*/ 1080380 w 1170915"/>
              <a:gd name="connsiteY8" fmla="*/ 45267 h 618653"/>
              <a:gd name="connsiteX9" fmla="*/ 1017006 w 1170915"/>
              <a:gd name="connsiteY9" fmla="*/ 0 h 618653"/>
              <a:gd name="connsiteX10" fmla="*/ 15089 w 1170915"/>
              <a:gd name="connsiteY10" fmla="*/ 21125 h 618653"/>
              <a:gd name="connsiteX0" fmla="*/ 15089 w 1170915"/>
              <a:gd name="connsiteY0" fmla="*/ 21125 h 618653"/>
              <a:gd name="connsiteX1" fmla="*/ 0 w 1170915"/>
              <a:gd name="connsiteY1" fmla="*/ 618653 h 618653"/>
              <a:gd name="connsiteX2" fmla="*/ 467763 w 1170915"/>
              <a:gd name="connsiteY2" fmla="*/ 615636 h 618653"/>
              <a:gd name="connsiteX3" fmla="*/ 636761 w 1170915"/>
              <a:gd name="connsiteY3" fmla="*/ 612618 h 618653"/>
              <a:gd name="connsiteX4" fmla="*/ 887240 w 1170915"/>
              <a:gd name="connsiteY4" fmla="*/ 588475 h 618653"/>
              <a:gd name="connsiteX5" fmla="*/ 1170915 w 1170915"/>
              <a:gd name="connsiteY5" fmla="*/ 561315 h 618653"/>
              <a:gd name="connsiteX6" fmla="*/ 1153288 w 1170915"/>
              <a:gd name="connsiteY6" fmla="*/ 168998 h 618653"/>
              <a:gd name="connsiteX7" fmla="*/ 1068309 w 1170915"/>
              <a:gd name="connsiteY7" fmla="*/ 93552 h 618653"/>
              <a:gd name="connsiteX8" fmla="*/ 1080380 w 1170915"/>
              <a:gd name="connsiteY8" fmla="*/ 45267 h 618653"/>
              <a:gd name="connsiteX9" fmla="*/ 1017006 w 1170915"/>
              <a:gd name="connsiteY9" fmla="*/ 0 h 618653"/>
              <a:gd name="connsiteX10" fmla="*/ 15089 w 1170915"/>
              <a:gd name="connsiteY10" fmla="*/ 21125 h 618653"/>
              <a:gd name="connsiteX0" fmla="*/ 15089 w 1170915"/>
              <a:gd name="connsiteY0" fmla="*/ 21125 h 618653"/>
              <a:gd name="connsiteX1" fmla="*/ 0 w 1170915"/>
              <a:gd name="connsiteY1" fmla="*/ 618653 h 618653"/>
              <a:gd name="connsiteX2" fmla="*/ 467763 w 1170915"/>
              <a:gd name="connsiteY2" fmla="*/ 615636 h 618653"/>
              <a:gd name="connsiteX3" fmla="*/ 636761 w 1170915"/>
              <a:gd name="connsiteY3" fmla="*/ 612618 h 618653"/>
              <a:gd name="connsiteX4" fmla="*/ 887240 w 1170915"/>
              <a:gd name="connsiteY4" fmla="*/ 588475 h 618653"/>
              <a:gd name="connsiteX5" fmla="*/ 1170915 w 1170915"/>
              <a:gd name="connsiteY5" fmla="*/ 561315 h 618653"/>
              <a:gd name="connsiteX6" fmla="*/ 1153288 w 1170915"/>
              <a:gd name="connsiteY6" fmla="*/ 168998 h 618653"/>
              <a:gd name="connsiteX7" fmla="*/ 1087505 w 1170915"/>
              <a:gd name="connsiteY7" fmla="*/ 98350 h 618653"/>
              <a:gd name="connsiteX8" fmla="*/ 1068309 w 1170915"/>
              <a:gd name="connsiteY8" fmla="*/ 93552 h 618653"/>
              <a:gd name="connsiteX9" fmla="*/ 1080380 w 1170915"/>
              <a:gd name="connsiteY9" fmla="*/ 45267 h 618653"/>
              <a:gd name="connsiteX10" fmla="*/ 1017006 w 1170915"/>
              <a:gd name="connsiteY10" fmla="*/ 0 h 618653"/>
              <a:gd name="connsiteX11" fmla="*/ 15089 w 1170915"/>
              <a:gd name="connsiteY11" fmla="*/ 21125 h 618653"/>
              <a:gd name="connsiteX0" fmla="*/ 15089 w 1170915"/>
              <a:gd name="connsiteY0" fmla="*/ 30643 h 628171"/>
              <a:gd name="connsiteX1" fmla="*/ 0 w 1170915"/>
              <a:gd name="connsiteY1" fmla="*/ 628171 h 628171"/>
              <a:gd name="connsiteX2" fmla="*/ 467763 w 1170915"/>
              <a:gd name="connsiteY2" fmla="*/ 625154 h 628171"/>
              <a:gd name="connsiteX3" fmla="*/ 636761 w 1170915"/>
              <a:gd name="connsiteY3" fmla="*/ 622136 h 628171"/>
              <a:gd name="connsiteX4" fmla="*/ 887240 w 1170915"/>
              <a:gd name="connsiteY4" fmla="*/ 597993 h 628171"/>
              <a:gd name="connsiteX5" fmla="*/ 1170915 w 1170915"/>
              <a:gd name="connsiteY5" fmla="*/ 570833 h 628171"/>
              <a:gd name="connsiteX6" fmla="*/ 1153288 w 1170915"/>
              <a:gd name="connsiteY6" fmla="*/ 178516 h 628171"/>
              <a:gd name="connsiteX7" fmla="*/ 1087505 w 1170915"/>
              <a:gd name="connsiteY7" fmla="*/ 107868 h 628171"/>
              <a:gd name="connsiteX8" fmla="*/ 1068309 w 1170915"/>
              <a:gd name="connsiteY8" fmla="*/ 103070 h 628171"/>
              <a:gd name="connsiteX9" fmla="*/ 1080380 w 1170915"/>
              <a:gd name="connsiteY9" fmla="*/ 54785 h 628171"/>
              <a:gd name="connsiteX10" fmla="*/ 1021773 w 1170915"/>
              <a:gd name="connsiteY10" fmla="*/ 0 h 628171"/>
              <a:gd name="connsiteX11" fmla="*/ 15089 w 1170915"/>
              <a:gd name="connsiteY11" fmla="*/ 30643 h 628171"/>
              <a:gd name="connsiteX0" fmla="*/ 15089 w 1170915"/>
              <a:gd name="connsiteY0" fmla="*/ 30643 h 628171"/>
              <a:gd name="connsiteX1" fmla="*/ 0 w 1170915"/>
              <a:gd name="connsiteY1" fmla="*/ 628171 h 628171"/>
              <a:gd name="connsiteX2" fmla="*/ 467763 w 1170915"/>
              <a:gd name="connsiteY2" fmla="*/ 625154 h 628171"/>
              <a:gd name="connsiteX3" fmla="*/ 636761 w 1170915"/>
              <a:gd name="connsiteY3" fmla="*/ 622136 h 628171"/>
              <a:gd name="connsiteX4" fmla="*/ 887240 w 1170915"/>
              <a:gd name="connsiteY4" fmla="*/ 597993 h 628171"/>
              <a:gd name="connsiteX5" fmla="*/ 1170915 w 1170915"/>
              <a:gd name="connsiteY5" fmla="*/ 570833 h 628171"/>
              <a:gd name="connsiteX6" fmla="*/ 1153288 w 1170915"/>
              <a:gd name="connsiteY6" fmla="*/ 178516 h 628171"/>
              <a:gd name="connsiteX7" fmla="*/ 1087505 w 1170915"/>
              <a:gd name="connsiteY7" fmla="*/ 107868 h 628171"/>
              <a:gd name="connsiteX8" fmla="*/ 1080380 w 1170915"/>
              <a:gd name="connsiteY8" fmla="*/ 54785 h 628171"/>
              <a:gd name="connsiteX9" fmla="*/ 1021773 w 1170915"/>
              <a:gd name="connsiteY9" fmla="*/ 0 h 628171"/>
              <a:gd name="connsiteX10" fmla="*/ 15089 w 1170915"/>
              <a:gd name="connsiteY10" fmla="*/ 30643 h 6281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170915" h="628171">
                <a:moveTo>
                  <a:pt x="15089" y="30643"/>
                </a:moveTo>
                <a:lnTo>
                  <a:pt x="0" y="628171"/>
                </a:lnTo>
                <a:lnTo>
                  <a:pt x="467763" y="625154"/>
                </a:lnTo>
                <a:lnTo>
                  <a:pt x="636761" y="622136"/>
                </a:lnTo>
                <a:lnTo>
                  <a:pt x="887240" y="597993"/>
                </a:lnTo>
                <a:lnTo>
                  <a:pt x="1170915" y="570833"/>
                </a:lnTo>
                <a:lnTo>
                  <a:pt x="1153288" y="178516"/>
                </a:lnTo>
                <a:cubicBezTo>
                  <a:pt x="1128183" y="154967"/>
                  <a:pt x="1112610" y="131417"/>
                  <a:pt x="1087505" y="107868"/>
                </a:cubicBezTo>
                <a:lnTo>
                  <a:pt x="1080380" y="54785"/>
                </a:lnTo>
                <a:lnTo>
                  <a:pt x="1021773" y="0"/>
                </a:lnTo>
                <a:lnTo>
                  <a:pt x="15089" y="30643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1" name="Freeform 40"/>
          <p:cNvSpPr/>
          <p:nvPr userDrawn="1"/>
        </p:nvSpPr>
        <p:spPr>
          <a:xfrm rot="171972">
            <a:off x="3618459" y="3851927"/>
            <a:ext cx="1390650" cy="677863"/>
          </a:xfrm>
          <a:custGeom>
            <a:avLst/>
            <a:gdLst>
              <a:gd name="connsiteX0" fmla="*/ 0 w 1376126"/>
              <a:gd name="connsiteY0" fmla="*/ 51303 h 663920"/>
              <a:gd name="connsiteX1" fmla="*/ 3017 w 1376126"/>
              <a:gd name="connsiteY1" fmla="*/ 147873 h 663920"/>
              <a:gd name="connsiteX2" fmla="*/ 464744 w 1376126"/>
              <a:gd name="connsiteY2" fmla="*/ 156926 h 663920"/>
              <a:gd name="connsiteX3" fmla="*/ 461726 w 1376126"/>
              <a:gd name="connsiteY3" fmla="*/ 513029 h 663920"/>
              <a:gd name="connsiteX4" fmla="*/ 482851 w 1376126"/>
              <a:gd name="connsiteY4" fmla="*/ 525101 h 663920"/>
              <a:gd name="connsiteX5" fmla="*/ 525101 w 1376126"/>
              <a:gd name="connsiteY5" fmla="*/ 528118 h 663920"/>
              <a:gd name="connsiteX6" fmla="*/ 549243 w 1376126"/>
              <a:gd name="connsiteY6" fmla="*/ 534154 h 663920"/>
              <a:gd name="connsiteX7" fmla="*/ 564332 w 1376126"/>
              <a:gd name="connsiteY7" fmla="*/ 546225 h 663920"/>
              <a:gd name="connsiteX8" fmla="*/ 609600 w 1376126"/>
              <a:gd name="connsiteY8" fmla="*/ 540190 h 663920"/>
              <a:gd name="connsiteX9" fmla="*/ 633742 w 1376126"/>
              <a:gd name="connsiteY9" fmla="*/ 585457 h 663920"/>
              <a:gd name="connsiteX10" fmla="*/ 663920 w 1376126"/>
              <a:gd name="connsiteY10" fmla="*/ 579421 h 663920"/>
              <a:gd name="connsiteX11" fmla="*/ 691081 w 1376126"/>
              <a:gd name="connsiteY11" fmla="*/ 597528 h 663920"/>
              <a:gd name="connsiteX12" fmla="*/ 757473 w 1376126"/>
              <a:gd name="connsiteY12" fmla="*/ 585457 h 663920"/>
              <a:gd name="connsiteX13" fmla="*/ 841972 w 1376126"/>
              <a:gd name="connsiteY13" fmla="*/ 630724 h 663920"/>
              <a:gd name="connsiteX14" fmla="*/ 884221 w 1376126"/>
              <a:gd name="connsiteY14" fmla="*/ 615635 h 663920"/>
              <a:gd name="connsiteX15" fmla="*/ 920435 w 1376126"/>
              <a:gd name="connsiteY15" fmla="*/ 642796 h 663920"/>
              <a:gd name="connsiteX16" fmla="*/ 962685 w 1376126"/>
              <a:gd name="connsiteY16" fmla="*/ 636760 h 663920"/>
              <a:gd name="connsiteX17" fmla="*/ 1001917 w 1376126"/>
              <a:gd name="connsiteY17" fmla="*/ 648831 h 663920"/>
              <a:gd name="connsiteX18" fmla="*/ 1038130 w 1376126"/>
              <a:gd name="connsiteY18" fmla="*/ 645813 h 663920"/>
              <a:gd name="connsiteX19" fmla="*/ 1074344 w 1376126"/>
              <a:gd name="connsiteY19" fmla="*/ 663920 h 663920"/>
              <a:gd name="connsiteX20" fmla="*/ 1095469 w 1376126"/>
              <a:gd name="connsiteY20" fmla="*/ 660903 h 663920"/>
              <a:gd name="connsiteX21" fmla="*/ 1146772 w 1376126"/>
              <a:gd name="connsiteY21" fmla="*/ 624689 h 663920"/>
              <a:gd name="connsiteX22" fmla="*/ 1186004 w 1376126"/>
              <a:gd name="connsiteY22" fmla="*/ 615635 h 663920"/>
              <a:gd name="connsiteX23" fmla="*/ 1237307 w 1376126"/>
              <a:gd name="connsiteY23" fmla="*/ 621671 h 663920"/>
              <a:gd name="connsiteX24" fmla="*/ 1270503 w 1376126"/>
              <a:gd name="connsiteY24" fmla="*/ 609600 h 663920"/>
              <a:gd name="connsiteX25" fmla="*/ 1376126 w 1376126"/>
              <a:gd name="connsiteY25" fmla="*/ 657885 h 663920"/>
              <a:gd name="connsiteX26" fmla="*/ 1370091 w 1376126"/>
              <a:gd name="connsiteY26" fmla="*/ 353085 h 663920"/>
              <a:gd name="connsiteX27" fmla="*/ 1345948 w 1376126"/>
              <a:gd name="connsiteY27" fmla="*/ 196158 h 663920"/>
              <a:gd name="connsiteX28" fmla="*/ 1333877 w 1376126"/>
              <a:gd name="connsiteY28" fmla="*/ 90534 h 663920"/>
              <a:gd name="connsiteX29" fmla="*/ 1312752 w 1376126"/>
              <a:gd name="connsiteY29" fmla="*/ 0 h 663920"/>
              <a:gd name="connsiteX30" fmla="*/ 742384 w 1376126"/>
              <a:gd name="connsiteY30" fmla="*/ 45267 h 663920"/>
              <a:gd name="connsiteX31" fmla="*/ 0 w 1376126"/>
              <a:gd name="connsiteY31" fmla="*/ 51303 h 663920"/>
              <a:gd name="connsiteX0" fmla="*/ 0 w 1376126"/>
              <a:gd name="connsiteY0" fmla="*/ 51303 h 663920"/>
              <a:gd name="connsiteX1" fmla="*/ 3017 w 1376126"/>
              <a:gd name="connsiteY1" fmla="*/ 147873 h 663920"/>
              <a:gd name="connsiteX2" fmla="*/ 464744 w 1376126"/>
              <a:gd name="connsiteY2" fmla="*/ 156926 h 663920"/>
              <a:gd name="connsiteX3" fmla="*/ 461726 w 1376126"/>
              <a:gd name="connsiteY3" fmla="*/ 513029 h 663920"/>
              <a:gd name="connsiteX4" fmla="*/ 482851 w 1376126"/>
              <a:gd name="connsiteY4" fmla="*/ 525101 h 663920"/>
              <a:gd name="connsiteX5" fmla="*/ 525101 w 1376126"/>
              <a:gd name="connsiteY5" fmla="*/ 528118 h 663920"/>
              <a:gd name="connsiteX6" fmla="*/ 549243 w 1376126"/>
              <a:gd name="connsiteY6" fmla="*/ 534154 h 663920"/>
              <a:gd name="connsiteX7" fmla="*/ 564332 w 1376126"/>
              <a:gd name="connsiteY7" fmla="*/ 546225 h 663920"/>
              <a:gd name="connsiteX8" fmla="*/ 607114 w 1376126"/>
              <a:gd name="connsiteY8" fmla="*/ 550001 h 663920"/>
              <a:gd name="connsiteX9" fmla="*/ 633742 w 1376126"/>
              <a:gd name="connsiteY9" fmla="*/ 585457 h 663920"/>
              <a:gd name="connsiteX10" fmla="*/ 663920 w 1376126"/>
              <a:gd name="connsiteY10" fmla="*/ 579421 h 663920"/>
              <a:gd name="connsiteX11" fmla="*/ 691081 w 1376126"/>
              <a:gd name="connsiteY11" fmla="*/ 597528 h 663920"/>
              <a:gd name="connsiteX12" fmla="*/ 757473 w 1376126"/>
              <a:gd name="connsiteY12" fmla="*/ 585457 h 663920"/>
              <a:gd name="connsiteX13" fmla="*/ 841972 w 1376126"/>
              <a:gd name="connsiteY13" fmla="*/ 630724 h 663920"/>
              <a:gd name="connsiteX14" fmla="*/ 884221 w 1376126"/>
              <a:gd name="connsiteY14" fmla="*/ 615635 h 663920"/>
              <a:gd name="connsiteX15" fmla="*/ 920435 w 1376126"/>
              <a:gd name="connsiteY15" fmla="*/ 642796 h 663920"/>
              <a:gd name="connsiteX16" fmla="*/ 962685 w 1376126"/>
              <a:gd name="connsiteY16" fmla="*/ 636760 h 663920"/>
              <a:gd name="connsiteX17" fmla="*/ 1001917 w 1376126"/>
              <a:gd name="connsiteY17" fmla="*/ 648831 h 663920"/>
              <a:gd name="connsiteX18" fmla="*/ 1038130 w 1376126"/>
              <a:gd name="connsiteY18" fmla="*/ 645813 h 663920"/>
              <a:gd name="connsiteX19" fmla="*/ 1074344 w 1376126"/>
              <a:gd name="connsiteY19" fmla="*/ 663920 h 663920"/>
              <a:gd name="connsiteX20" fmla="*/ 1095469 w 1376126"/>
              <a:gd name="connsiteY20" fmla="*/ 660903 h 663920"/>
              <a:gd name="connsiteX21" fmla="*/ 1146772 w 1376126"/>
              <a:gd name="connsiteY21" fmla="*/ 624689 h 663920"/>
              <a:gd name="connsiteX22" fmla="*/ 1186004 w 1376126"/>
              <a:gd name="connsiteY22" fmla="*/ 615635 h 663920"/>
              <a:gd name="connsiteX23" fmla="*/ 1237307 w 1376126"/>
              <a:gd name="connsiteY23" fmla="*/ 621671 h 663920"/>
              <a:gd name="connsiteX24" fmla="*/ 1270503 w 1376126"/>
              <a:gd name="connsiteY24" fmla="*/ 609600 h 663920"/>
              <a:gd name="connsiteX25" fmla="*/ 1376126 w 1376126"/>
              <a:gd name="connsiteY25" fmla="*/ 657885 h 663920"/>
              <a:gd name="connsiteX26" fmla="*/ 1370091 w 1376126"/>
              <a:gd name="connsiteY26" fmla="*/ 353085 h 663920"/>
              <a:gd name="connsiteX27" fmla="*/ 1345948 w 1376126"/>
              <a:gd name="connsiteY27" fmla="*/ 196158 h 663920"/>
              <a:gd name="connsiteX28" fmla="*/ 1333877 w 1376126"/>
              <a:gd name="connsiteY28" fmla="*/ 90534 h 663920"/>
              <a:gd name="connsiteX29" fmla="*/ 1312752 w 1376126"/>
              <a:gd name="connsiteY29" fmla="*/ 0 h 663920"/>
              <a:gd name="connsiteX30" fmla="*/ 742384 w 1376126"/>
              <a:gd name="connsiteY30" fmla="*/ 45267 h 663920"/>
              <a:gd name="connsiteX31" fmla="*/ 0 w 1376126"/>
              <a:gd name="connsiteY31" fmla="*/ 51303 h 663920"/>
              <a:gd name="connsiteX0" fmla="*/ 0 w 1376126"/>
              <a:gd name="connsiteY0" fmla="*/ 51303 h 663920"/>
              <a:gd name="connsiteX1" fmla="*/ 3017 w 1376126"/>
              <a:gd name="connsiteY1" fmla="*/ 147873 h 663920"/>
              <a:gd name="connsiteX2" fmla="*/ 464744 w 1376126"/>
              <a:gd name="connsiteY2" fmla="*/ 156926 h 663920"/>
              <a:gd name="connsiteX3" fmla="*/ 461726 w 1376126"/>
              <a:gd name="connsiteY3" fmla="*/ 513029 h 663920"/>
              <a:gd name="connsiteX4" fmla="*/ 482851 w 1376126"/>
              <a:gd name="connsiteY4" fmla="*/ 525101 h 663920"/>
              <a:gd name="connsiteX5" fmla="*/ 525101 w 1376126"/>
              <a:gd name="connsiteY5" fmla="*/ 528118 h 663920"/>
              <a:gd name="connsiteX6" fmla="*/ 549243 w 1376126"/>
              <a:gd name="connsiteY6" fmla="*/ 534154 h 663920"/>
              <a:gd name="connsiteX7" fmla="*/ 564332 w 1376126"/>
              <a:gd name="connsiteY7" fmla="*/ 546225 h 663920"/>
              <a:gd name="connsiteX8" fmla="*/ 607114 w 1376126"/>
              <a:gd name="connsiteY8" fmla="*/ 550001 h 663920"/>
              <a:gd name="connsiteX9" fmla="*/ 633742 w 1376126"/>
              <a:gd name="connsiteY9" fmla="*/ 585457 h 663920"/>
              <a:gd name="connsiteX10" fmla="*/ 666187 w 1376126"/>
              <a:gd name="connsiteY10" fmla="*/ 589252 h 663920"/>
              <a:gd name="connsiteX11" fmla="*/ 691081 w 1376126"/>
              <a:gd name="connsiteY11" fmla="*/ 597528 h 663920"/>
              <a:gd name="connsiteX12" fmla="*/ 757473 w 1376126"/>
              <a:gd name="connsiteY12" fmla="*/ 585457 h 663920"/>
              <a:gd name="connsiteX13" fmla="*/ 841972 w 1376126"/>
              <a:gd name="connsiteY13" fmla="*/ 630724 h 663920"/>
              <a:gd name="connsiteX14" fmla="*/ 884221 w 1376126"/>
              <a:gd name="connsiteY14" fmla="*/ 615635 h 663920"/>
              <a:gd name="connsiteX15" fmla="*/ 920435 w 1376126"/>
              <a:gd name="connsiteY15" fmla="*/ 642796 h 663920"/>
              <a:gd name="connsiteX16" fmla="*/ 962685 w 1376126"/>
              <a:gd name="connsiteY16" fmla="*/ 636760 h 663920"/>
              <a:gd name="connsiteX17" fmla="*/ 1001917 w 1376126"/>
              <a:gd name="connsiteY17" fmla="*/ 648831 h 663920"/>
              <a:gd name="connsiteX18" fmla="*/ 1038130 w 1376126"/>
              <a:gd name="connsiteY18" fmla="*/ 645813 h 663920"/>
              <a:gd name="connsiteX19" fmla="*/ 1074344 w 1376126"/>
              <a:gd name="connsiteY19" fmla="*/ 663920 h 663920"/>
              <a:gd name="connsiteX20" fmla="*/ 1095469 w 1376126"/>
              <a:gd name="connsiteY20" fmla="*/ 660903 h 663920"/>
              <a:gd name="connsiteX21" fmla="*/ 1146772 w 1376126"/>
              <a:gd name="connsiteY21" fmla="*/ 624689 h 663920"/>
              <a:gd name="connsiteX22" fmla="*/ 1186004 w 1376126"/>
              <a:gd name="connsiteY22" fmla="*/ 615635 h 663920"/>
              <a:gd name="connsiteX23" fmla="*/ 1237307 w 1376126"/>
              <a:gd name="connsiteY23" fmla="*/ 621671 h 663920"/>
              <a:gd name="connsiteX24" fmla="*/ 1270503 w 1376126"/>
              <a:gd name="connsiteY24" fmla="*/ 609600 h 663920"/>
              <a:gd name="connsiteX25" fmla="*/ 1376126 w 1376126"/>
              <a:gd name="connsiteY25" fmla="*/ 657885 h 663920"/>
              <a:gd name="connsiteX26" fmla="*/ 1370091 w 1376126"/>
              <a:gd name="connsiteY26" fmla="*/ 353085 h 663920"/>
              <a:gd name="connsiteX27" fmla="*/ 1345948 w 1376126"/>
              <a:gd name="connsiteY27" fmla="*/ 196158 h 663920"/>
              <a:gd name="connsiteX28" fmla="*/ 1333877 w 1376126"/>
              <a:gd name="connsiteY28" fmla="*/ 90534 h 663920"/>
              <a:gd name="connsiteX29" fmla="*/ 1312752 w 1376126"/>
              <a:gd name="connsiteY29" fmla="*/ 0 h 663920"/>
              <a:gd name="connsiteX30" fmla="*/ 742384 w 1376126"/>
              <a:gd name="connsiteY30" fmla="*/ 45267 h 663920"/>
              <a:gd name="connsiteX31" fmla="*/ 0 w 1376126"/>
              <a:gd name="connsiteY31" fmla="*/ 51303 h 663920"/>
              <a:gd name="connsiteX0" fmla="*/ 0 w 1390176"/>
              <a:gd name="connsiteY0" fmla="*/ 51303 h 677287"/>
              <a:gd name="connsiteX1" fmla="*/ 3017 w 1390176"/>
              <a:gd name="connsiteY1" fmla="*/ 147873 h 677287"/>
              <a:gd name="connsiteX2" fmla="*/ 464744 w 1390176"/>
              <a:gd name="connsiteY2" fmla="*/ 156926 h 677287"/>
              <a:gd name="connsiteX3" fmla="*/ 461726 w 1390176"/>
              <a:gd name="connsiteY3" fmla="*/ 513029 h 677287"/>
              <a:gd name="connsiteX4" fmla="*/ 482851 w 1390176"/>
              <a:gd name="connsiteY4" fmla="*/ 525101 h 677287"/>
              <a:gd name="connsiteX5" fmla="*/ 525101 w 1390176"/>
              <a:gd name="connsiteY5" fmla="*/ 528118 h 677287"/>
              <a:gd name="connsiteX6" fmla="*/ 549243 w 1390176"/>
              <a:gd name="connsiteY6" fmla="*/ 534154 h 677287"/>
              <a:gd name="connsiteX7" fmla="*/ 564332 w 1390176"/>
              <a:gd name="connsiteY7" fmla="*/ 546225 h 677287"/>
              <a:gd name="connsiteX8" fmla="*/ 607114 w 1390176"/>
              <a:gd name="connsiteY8" fmla="*/ 550001 h 677287"/>
              <a:gd name="connsiteX9" fmla="*/ 633742 w 1390176"/>
              <a:gd name="connsiteY9" fmla="*/ 585457 h 677287"/>
              <a:gd name="connsiteX10" fmla="*/ 666187 w 1390176"/>
              <a:gd name="connsiteY10" fmla="*/ 589252 h 677287"/>
              <a:gd name="connsiteX11" fmla="*/ 691081 w 1390176"/>
              <a:gd name="connsiteY11" fmla="*/ 597528 h 677287"/>
              <a:gd name="connsiteX12" fmla="*/ 757473 w 1390176"/>
              <a:gd name="connsiteY12" fmla="*/ 585457 h 677287"/>
              <a:gd name="connsiteX13" fmla="*/ 841972 w 1390176"/>
              <a:gd name="connsiteY13" fmla="*/ 630724 h 677287"/>
              <a:gd name="connsiteX14" fmla="*/ 884221 w 1390176"/>
              <a:gd name="connsiteY14" fmla="*/ 615635 h 677287"/>
              <a:gd name="connsiteX15" fmla="*/ 920435 w 1390176"/>
              <a:gd name="connsiteY15" fmla="*/ 642796 h 677287"/>
              <a:gd name="connsiteX16" fmla="*/ 962685 w 1390176"/>
              <a:gd name="connsiteY16" fmla="*/ 636760 h 677287"/>
              <a:gd name="connsiteX17" fmla="*/ 1001917 w 1390176"/>
              <a:gd name="connsiteY17" fmla="*/ 648831 h 677287"/>
              <a:gd name="connsiteX18" fmla="*/ 1038130 w 1390176"/>
              <a:gd name="connsiteY18" fmla="*/ 645813 h 677287"/>
              <a:gd name="connsiteX19" fmla="*/ 1074344 w 1390176"/>
              <a:gd name="connsiteY19" fmla="*/ 663920 h 677287"/>
              <a:gd name="connsiteX20" fmla="*/ 1095469 w 1390176"/>
              <a:gd name="connsiteY20" fmla="*/ 660903 h 677287"/>
              <a:gd name="connsiteX21" fmla="*/ 1146772 w 1390176"/>
              <a:gd name="connsiteY21" fmla="*/ 624689 h 677287"/>
              <a:gd name="connsiteX22" fmla="*/ 1186004 w 1390176"/>
              <a:gd name="connsiteY22" fmla="*/ 615635 h 677287"/>
              <a:gd name="connsiteX23" fmla="*/ 1237307 w 1390176"/>
              <a:gd name="connsiteY23" fmla="*/ 621671 h 677287"/>
              <a:gd name="connsiteX24" fmla="*/ 1270503 w 1390176"/>
              <a:gd name="connsiteY24" fmla="*/ 609600 h 677287"/>
              <a:gd name="connsiteX25" fmla="*/ 1390176 w 1390176"/>
              <a:gd name="connsiteY25" fmla="*/ 677287 h 677287"/>
              <a:gd name="connsiteX26" fmla="*/ 1370091 w 1390176"/>
              <a:gd name="connsiteY26" fmla="*/ 353085 h 677287"/>
              <a:gd name="connsiteX27" fmla="*/ 1345948 w 1390176"/>
              <a:gd name="connsiteY27" fmla="*/ 196158 h 677287"/>
              <a:gd name="connsiteX28" fmla="*/ 1333877 w 1390176"/>
              <a:gd name="connsiteY28" fmla="*/ 90534 h 677287"/>
              <a:gd name="connsiteX29" fmla="*/ 1312752 w 1390176"/>
              <a:gd name="connsiteY29" fmla="*/ 0 h 677287"/>
              <a:gd name="connsiteX30" fmla="*/ 742384 w 1390176"/>
              <a:gd name="connsiteY30" fmla="*/ 45267 h 677287"/>
              <a:gd name="connsiteX31" fmla="*/ 0 w 1390176"/>
              <a:gd name="connsiteY31" fmla="*/ 51303 h 677287"/>
              <a:gd name="connsiteX0" fmla="*/ 0 w 1390176"/>
              <a:gd name="connsiteY0" fmla="*/ 51303 h 677287"/>
              <a:gd name="connsiteX1" fmla="*/ 3017 w 1390176"/>
              <a:gd name="connsiteY1" fmla="*/ 147873 h 677287"/>
              <a:gd name="connsiteX2" fmla="*/ 464744 w 1390176"/>
              <a:gd name="connsiteY2" fmla="*/ 156926 h 677287"/>
              <a:gd name="connsiteX3" fmla="*/ 461726 w 1390176"/>
              <a:gd name="connsiteY3" fmla="*/ 513029 h 677287"/>
              <a:gd name="connsiteX4" fmla="*/ 482851 w 1390176"/>
              <a:gd name="connsiteY4" fmla="*/ 525101 h 677287"/>
              <a:gd name="connsiteX5" fmla="*/ 525101 w 1390176"/>
              <a:gd name="connsiteY5" fmla="*/ 528118 h 677287"/>
              <a:gd name="connsiteX6" fmla="*/ 549243 w 1390176"/>
              <a:gd name="connsiteY6" fmla="*/ 534154 h 677287"/>
              <a:gd name="connsiteX7" fmla="*/ 564332 w 1390176"/>
              <a:gd name="connsiteY7" fmla="*/ 546225 h 677287"/>
              <a:gd name="connsiteX8" fmla="*/ 607114 w 1390176"/>
              <a:gd name="connsiteY8" fmla="*/ 550001 h 677287"/>
              <a:gd name="connsiteX9" fmla="*/ 633742 w 1390176"/>
              <a:gd name="connsiteY9" fmla="*/ 585457 h 677287"/>
              <a:gd name="connsiteX10" fmla="*/ 666187 w 1390176"/>
              <a:gd name="connsiteY10" fmla="*/ 589252 h 677287"/>
              <a:gd name="connsiteX11" fmla="*/ 691081 w 1390176"/>
              <a:gd name="connsiteY11" fmla="*/ 597528 h 677287"/>
              <a:gd name="connsiteX12" fmla="*/ 757473 w 1390176"/>
              <a:gd name="connsiteY12" fmla="*/ 585457 h 677287"/>
              <a:gd name="connsiteX13" fmla="*/ 841972 w 1390176"/>
              <a:gd name="connsiteY13" fmla="*/ 630724 h 677287"/>
              <a:gd name="connsiteX14" fmla="*/ 884221 w 1390176"/>
              <a:gd name="connsiteY14" fmla="*/ 615635 h 677287"/>
              <a:gd name="connsiteX15" fmla="*/ 920435 w 1390176"/>
              <a:gd name="connsiteY15" fmla="*/ 642796 h 677287"/>
              <a:gd name="connsiteX16" fmla="*/ 962685 w 1390176"/>
              <a:gd name="connsiteY16" fmla="*/ 636760 h 677287"/>
              <a:gd name="connsiteX17" fmla="*/ 1001917 w 1390176"/>
              <a:gd name="connsiteY17" fmla="*/ 648831 h 677287"/>
              <a:gd name="connsiteX18" fmla="*/ 1038130 w 1390176"/>
              <a:gd name="connsiteY18" fmla="*/ 645813 h 677287"/>
              <a:gd name="connsiteX19" fmla="*/ 1074344 w 1390176"/>
              <a:gd name="connsiteY19" fmla="*/ 663920 h 677287"/>
              <a:gd name="connsiteX20" fmla="*/ 1095469 w 1390176"/>
              <a:gd name="connsiteY20" fmla="*/ 660903 h 677287"/>
              <a:gd name="connsiteX21" fmla="*/ 1146772 w 1390176"/>
              <a:gd name="connsiteY21" fmla="*/ 624689 h 677287"/>
              <a:gd name="connsiteX22" fmla="*/ 1186004 w 1390176"/>
              <a:gd name="connsiteY22" fmla="*/ 615635 h 677287"/>
              <a:gd name="connsiteX23" fmla="*/ 1237307 w 1390176"/>
              <a:gd name="connsiteY23" fmla="*/ 621671 h 677287"/>
              <a:gd name="connsiteX24" fmla="*/ 1270503 w 1390176"/>
              <a:gd name="connsiteY24" fmla="*/ 609600 h 677287"/>
              <a:gd name="connsiteX25" fmla="*/ 1390176 w 1390176"/>
              <a:gd name="connsiteY25" fmla="*/ 677287 h 677287"/>
              <a:gd name="connsiteX26" fmla="*/ 1381761 w 1390176"/>
              <a:gd name="connsiteY26" fmla="*/ 353269 h 677287"/>
              <a:gd name="connsiteX27" fmla="*/ 1345948 w 1390176"/>
              <a:gd name="connsiteY27" fmla="*/ 196158 h 677287"/>
              <a:gd name="connsiteX28" fmla="*/ 1333877 w 1390176"/>
              <a:gd name="connsiteY28" fmla="*/ 90534 h 677287"/>
              <a:gd name="connsiteX29" fmla="*/ 1312752 w 1390176"/>
              <a:gd name="connsiteY29" fmla="*/ 0 h 677287"/>
              <a:gd name="connsiteX30" fmla="*/ 742384 w 1390176"/>
              <a:gd name="connsiteY30" fmla="*/ 45267 h 677287"/>
              <a:gd name="connsiteX31" fmla="*/ 0 w 1390176"/>
              <a:gd name="connsiteY31" fmla="*/ 51303 h 677287"/>
              <a:gd name="connsiteX0" fmla="*/ 0 w 1390176"/>
              <a:gd name="connsiteY0" fmla="*/ 51303 h 677287"/>
              <a:gd name="connsiteX1" fmla="*/ 3017 w 1390176"/>
              <a:gd name="connsiteY1" fmla="*/ 147873 h 677287"/>
              <a:gd name="connsiteX2" fmla="*/ 464744 w 1390176"/>
              <a:gd name="connsiteY2" fmla="*/ 156926 h 677287"/>
              <a:gd name="connsiteX3" fmla="*/ 461726 w 1390176"/>
              <a:gd name="connsiteY3" fmla="*/ 513029 h 677287"/>
              <a:gd name="connsiteX4" fmla="*/ 482851 w 1390176"/>
              <a:gd name="connsiteY4" fmla="*/ 525101 h 677287"/>
              <a:gd name="connsiteX5" fmla="*/ 525101 w 1390176"/>
              <a:gd name="connsiteY5" fmla="*/ 528118 h 677287"/>
              <a:gd name="connsiteX6" fmla="*/ 549243 w 1390176"/>
              <a:gd name="connsiteY6" fmla="*/ 534154 h 677287"/>
              <a:gd name="connsiteX7" fmla="*/ 564332 w 1390176"/>
              <a:gd name="connsiteY7" fmla="*/ 546225 h 677287"/>
              <a:gd name="connsiteX8" fmla="*/ 607114 w 1390176"/>
              <a:gd name="connsiteY8" fmla="*/ 550001 h 677287"/>
              <a:gd name="connsiteX9" fmla="*/ 633742 w 1390176"/>
              <a:gd name="connsiteY9" fmla="*/ 585457 h 677287"/>
              <a:gd name="connsiteX10" fmla="*/ 666187 w 1390176"/>
              <a:gd name="connsiteY10" fmla="*/ 589252 h 677287"/>
              <a:gd name="connsiteX11" fmla="*/ 691081 w 1390176"/>
              <a:gd name="connsiteY11" fmla="*/ 597528 h 677287"/>
              <a:gd name="connsiteX12" fmla="*/ 757473 w 1390176"/>
              <a:gd name="connsiteY12" fmla="*/ 585457 h 677287"/>
              <a:gd name="connsiteX13" fmla="*/ 841972 w 1390176"/>
              <a:gd name="connsiteY13" fmla="*/ 630724 h 677287"/>
              <a:gd name="connsiteX14" fmla="*/ 884221 w 1390176"/>
              <a:gd name="connsiteY14" fmla="*/ 615635 h 677287"/>
              <a:gd name="connsiteX15" fmla="*/ 920435 w 1390176"/>
              <a:gd name="connsiteY15" fmla="*/ 642796 h 677287"/>
              <a:gd name="connsiteX16" fmla="*/ 962685 w 1390176"/>
              <a:gd name="connsiteY16" fmla="*/ 636760 h 677287"/>
              <a:gd name="connsiteX17" fmla="*/ 1001917 w 1390176"/>
              <a:gd name="connsiteY17" fmla="*/ 648831 h 677287"/>
              <a:gd name="connsiteX18" fmla="*/ 1038130 w 1390176"/>
              <a:gd name="connsiteY18" fmla="*/ 645813 h 677287"/>
              <a:gd name="connsiteX19" fmla="*/ 1074344 w 1390176"/>
              <a:gd name="connsiteY19" fmla="*/ 663920 h 677287"/>
              <a:gd name="connsiteX20" fmla="*/ 1095469 w 1390176"/>
              <a:gd name="connsiteY20" fmla="*/ 660903 h 677287"/>
              <a:gd name="connsiteX21" fmla="*/ 1146772 w 1390176"/>
              <a:gd name="connsiteY21" fmla="*/ 624689 h 677287"/>
              <a:gd name="connsiteX22" fmla="*/ 1186004 w 1390176"/>
              <a:gd name="connsiteY22" fmla="*/ 615635 h 677287"/>
              <a:gd name="connsiteX23" fmla="*/ 1237307 w 1390176"/>
              <a:gd name="connsiteY23" fmla="*/ 621671 h 677287"/>
              <a:gd name="connsiteX24" fmla="*/ 1270503 w 1390176"/>
              <a:gd name="connsiteY24" fmla="*/ 609600 h 677287"/>
              <a:gd name="connsiteX25" fmla="*/ 1390176 w 1390176"/>
              <a:gd name="connsiteY25" fmla="*/ 677287 h 677287"/>
              <a:gd name="connsiteX26" fmla="*/ 1381761 w 1390176"/>
              <a:gd name="connsiteY26" fmla="*/ 353269 h 677287"/>
              <a:gd name="connsiteX27" fmla="*/ 1362384 w 1390176"/>
              <a:gd name="connsiteY27" fmla="*/ 196260 h 677287"/>
              <a:gd name="connsiteX28" fmla="*/ 1333877 w 1390176"/>
              <a:gd name="connsiteY28" fmla="*/ 90534 h 677287"/>
              <a:gd name="connsiteX29" fmla="*/ 1312752 w 1390176"/>
              <a:gd name="connsiteY29" fmla="*/ 0 h 677287"/>
              <a:gd name="connsiteX30" fmla="*/ 742384 w 1390176"/>
              <a:gd name="connsiteY30" fmla="*/ 45267 h 677287"/>
              <a:gd name="connsiteX31" fmla="*/ 0 w 1390176"/>
              <a:gd name="connsiteY31" fmla="*/ 51303 h 677287"/>
              <a:gd name="connsiteX0" fmla="*/ 0 w 1390176"/>
              <a:gd name="connsiteY0" fmla="*/ 51303 h 677924"/>
              <a:gd name="connsiteX1" fmla="*/ 3017 w 1390176"/>
              <a:gd name="connsiteY1" fmla="*/ 147873 h 677924"/>
              <a:gd name="connsiteX2" fmla="*/ 464744 w 1390176"/>
              <a:gd name="connsiteY2" fmla="*/ 156926 h 677924"/>
              <a:gd name="connsiteX3" fmla="*/ 461726 w 1390176"/>
              <a:gd name="connsiteY3" fmla="*/ 513029 h 677924"/>
              <a:gd name="connsiteX4" fmla="*/ 482851 w 1390176"/>
              <a:gd name="connsiteY4" fmla="*/ 525101 h 677924"/>
              <a:gd name="connsiteX5" fmla="*/ 525101 w 1390176"/>
              <a:gd name="connsiteY5" fmla="*/ 528118 h 677924"/>
              <a:gd name="connsiteX6" fmla="*/ 549243 w 1390176"/>
              <a:gd name="connsiteY6" fmla="*/ 534154 h 677924"/>
              <a:gd name="connsiteX7" fmla="*/ 564332 w 1390176"/>
              <a:gd name="connsiteY7" fmla="*/ 546225 h 677924"/>
              <a:gd name="connsiteX8" fmla="*/ 607114 w 1390176"/>
              <a:gd name="connsiteY8" fmla="*/ 550001 h 677924"/>
              <a:gd name="connsiteX9" fmla="*/ 633742 w 1390176"/>
              <a:gd name="connsiteY9" fmla="*/ 585457 h 677924"/>
              <a:gd name="connsiteX10" fmla="*/ 666187 w 1390176"/>
              <a:gd name="connsiteY10" fmla="*/ 589252 h 677924"/>
              <a:gd name="connsiteX11" fmla="*/ 691081 w 1390176"/>
              <a:gd name="connsiteY11" fmla="*/ 597528 h 677924"/>
              <a:gd name="connsiteX12" fmla="*/ 757473 w 1390176"/>
              <a:gd name="connsiteY12" fmla="*/ 585457 h 677924"/>
              <a:gd name="connsiteX13" fmla="*/ 841972 w 1390176"/>
              <a:gd name="connsiteY13" fmla="*/ 630724 h 677924"/>
              <a:gd name="connsiteX14" fmla="*/ 884221 w 1390176"/>
              <a:gd name="connsiteY14" fmla="*/ 615635 h 677924"/>
              <a:gd name="connsiteX15" fmla="*/ 920435 w 1390176"/>
              <a:gd name="connsiteY15" fmla="*/ 642796 h 677924"/>
              <a:gd name="connsiteX16" fmla="*/ 962685 w 1390176"/>
              <a:gd name="connsiteY16" fmla="*/ 636760 h 677924"/>
              <a:gd name="connsiteX17" fmla="*/ 1001917 w 1390176"/>
              <a:gd name="connsiteY17" fmla="*/ 648831 h 677924"/>
              <a:gd name="connsiteX18" fmla="*/ 1038130 w 1390176"/>
              <a:gd name="connsiteY18" fmla="*/ 645813 h 677924"/>
              <a:gd name="connsiteX19" fmla="*/ 1074344 w 1390176"/>
              <a:gd name="connsiteY19" fmla="*/ 663920 h 677924"/>
              <a:gd name="connsiteX20" fmla="*/ 1100043 w 1390176"/>
              <a:gd name="connsiteY20" fmla="*/ 677924 h 677924"/>
              <a:gd name="connsiteX21" fmla="*/ 1146772 w 1390176"/>
              <a:gd name="connsiteY21" fmla="*/ 624689 h 677924"/>
              <a:gd name="connsiteX22" fmla="*/ 1186004 w 1390176"/>
              <a:gd name="connsiteY22" fmla="*/ 615635 h 677924"/>
              <a:gd name="connsiteX23" fmla="*/ 1237307 w 1390176"/>
              <a:gd name="connsiteY23" fmla="*/ 621671 h 677924"/>
              <a:gd name="connsiteX24" fmla="*/ 1270503 w 1390176"/>
              <a:gd name="connsiteY24" fmla="*/ 609600 h 677924"/>
              <a:gd name="connsiteX25" fmla="*/ 1390176 w 1390176"/>
              <a:gd name="connsiteY25" fmla="*/ 677287 h 677924"/>
              <a:gd name="connsiteX26" fmla="*/ 1381761 w 1390176"/>
              <a:gd name="connsiteY26" fmla="*/ 353269 h 677924"/>
              <a:gd name="connsiteX27" fmla="*/ 1362384 w 1390176"/>
              <a:gd name="connsiteY27" fmla="*/ 196260 h 677924"/>
              <a:gd name="connsiteX28" fmla="*/ 1333877 w 1390176"/>
              <a:gd name="connsiteY28" fmla="*/ 90534 h 677924"/>
              <a:gd name="connsiteX29" fmla="*/ 1312752 w 1390176"/>
              <a:gd name="connsiteY29" fmla="*/ 0 h 677924"/>
              <a:gd name="connsiteX30" fmla="*/ 742384 w 1390176"/>
              <a:gd name="connsiteY30" fmla="*/ 45267 h 677924"/>
              <a:gd name="connsiteX31" fmla="*/ 0 w 1390176"/>
              <a:gd name="connsiteY31" fmla="*/ 51303 h 6779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1390176" h="677924">
                <a:moveTo>
                  <a:pt x="0" y="51303"/>
                </a:moveTo>
                <a:cubicBezTo>
                  <a:pt x="1006" y="83493"/>
                  <a:pt x="2011" y="115683"/>
                  <a:pt x="3017" y="147873"/>
                </a:cubicBezTo>
                <a:lnTo>
                  <a:pt x="464744" y="156926"/>
                </a:lnTo>
                <a:lnTo>
                  <a:pt x="461726" y="513029"/>
                </a:lnTo>
                <a:lnTo>
                  <a:pt x="482851" y="525101"/>
                </a:lnTo>
                <a:lnTo>
                  <a:pt x="525101" y="528118"/>
                </a:lnTo>
                <a:lnTo>
                  <a:pt x="549243" y="534154"/>
                </a:lnTo>
                <a:lnTo>
                  <a:pt x="564332" y="546225"/>
                </a:lnTo>
                <a:lnTo>
                  <a:pt x="607114" y="550001"/>
                </a:lnTo>
                <a:lnTo>
                  <a:pt x="633742" y="585457"/>
                </a:lnTo>
                <a:lnTo>
                  <a:pt x="666187" y="589252"/>
                </a:lnTo>
                <a:lnTo>
                  <a:pt x="691081" y="597528"/>
                </a:lnTo>
                <a:lnTo>
                  <a:pt x="757473" y="585457"/>
                </a:lnTo>
                <a:lnTo>
                  <a:pt x="841972" y="630724"/>
                </a:lnTo>
                <a:lnTo>
                  <a:pt x="884221" y="615635"/>
                </a:lnTo>
                <a:lnTo>
                  <a:pt x="920435" y="642796"/>
                </a:lnTo>
                <a:lnTo>
                  <a:pt x="962685" y="636760"/>
                </a:lnTo>
                <a:lnTo>
                  <a:pt x="1001917" y="648831"/>
                </a:lnTo>
                <a:lnTo>
                  <a:pt x="1038130" y="645813"/>
                </a:lnTo>
                <a:lnTo>
                  <a:pt x="1074344" y="663920"/>
                </a:lnTo>
                <a:lnTo>
                  <a:pt x="1100043" y="677924"/>
                </a:lnTo>
                <a:lnTo>
                  <a:pt x="1146772" y="624689"/>
                </a:lnTo>
                <a:lnTo>
                  <a:pt x="1186004" y="615635"/>
                </a:lnTo>
                <a:lnTo>
                  <a:pt x="1237307" y="621671"/>
                </a:lnTo>
                <a:lnTo>
                  <a:pt x="1270503" y="609600"/>
                </a:lnTo>
                <a:lnTo>
                  <a:pt x="1390176" y="677287"/>
                </a:lnTo>
                <a:lnTo>
                  <a:pt x="1381761" y="353269"/>
                </a:lnTo>
                <a:lnTo>
                  <a:pt x="1362384" y="196260"/>
                </a:lnTo>
                <a:lnTo>
                  <a:pt x="1333877" y="90534"/>
                </a:lnTo>
                <a:lnTo>
                  <a:pt x="1312752" y="0"/>
                </a:lnTo>
                <a:lnTo>
                  <a:pt x="742384" y="45267"/>
                </a:lnTo>
                <a:lnTo>
                  <a:pt x="0" y="51303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2" name="Freeform 41"/>
          <p:cNvSpPr/>
          <p:nvPr userDrawn="1"/>
        </p:nvSpPr>
        <p:spPr>
          <a:xfrm rot="171972">
            <a:off x="4955522" y="3933094"/>
            <a:ext cx="750888" cy="741362"/>
          </a:xfrm>
          <a:custGeom>
            <a:avLst/>
            <a:gdLst>
              <a:gd name="connsiteX0" fmla="*/ 0 w 751437"/>
              <a:gd name="connsiteY0" fmla="*/ 75445 h 742384"/>
              <a:gd name="connsiteX1" fmla="*/ 36213 w 751437"/>
              <a:gd name="connsiteY1" fmla="*/ 347049 h 742384"/>
              <a:gd name="connsiteX2" fmla="*/ 42249 w 751437"/>
              <a:gd name="connsiteY2" fmla="*/ 633742 h 742384"/>
              <a:gd name="connsiteX3" fmla="*/ 96570 w 751437"/>
              <a:gd name="connsiteY3" fmla="*/ 618653 h 742384"/>
              <a:gd name="connsiteX4" fmla="*/ 114677 w 751437"/>
              <a:gd name="connsiteY4" fmla="*/ 636760 h 742384"/>
              <a:gd name="connsiteX5" fmla="*/ 123730 w 751437"/>
              <a:gd name="connsiteY5" fmla="*/ 742384 h 742384"/>
              <a:gd name="connsiteX6" fmla="*/ 407405 w 751437"/>
              <a:gd name="connsiteY6" fmla="*/ 712206 h 742384"/>
              <a:gd name="connsiteX7" fmla="*/ 579421 w 751437"/>
              <a:gd name="connsiteY7" fmla="*/ 685045 h 742384"/>
              <a:gd name="connsiteX8" fmla="*/ 588475 w 751437"/>
              <a:gd name="connsiteY8" fmla="*/ 700134 h 742384"/>
              <a:gd name="connsiteX9" fmla="*/ 597528 w 751437"/>
              <a:gd name="connsiteY9" fmla="*/ 597528 h 742384"/>
              <a:gd name="connsiteX10" fmla="*/ 573386 w 751437"/>
              <a:gd name="connsiteY10" fmla="*/ 537172 h 742384"/>
              <a:gd name="connsiteX11" fmla="*/ 594510 w 751437"/>
              <a:gd name="connsiteY11" fmla="*/ 473798 h 742384"/>
              <a:gd name="connsiteX12" fmla="*/ 642796 w 751437"/>
              <a:gd name="connsiteY12" fmla="*/ 395334 h 742384"/>
              <a:gd name="connsiteX13" fmla="*/ 651849 w 751437"/>
              <a:gd name="connsiteY13" fmla="*/ 365156 h 742384"/>
              <a:gd name="connsiteX14" fmla="*/ 648831 w 751437"/>
              <a:gd name="connsiteY14" fmla="*/ 341014 h 742384"/>
              <a:gd name="connsiteX15" fmla="*/ 691081 w 751437"/>
              <a:gd name="connsiteY15" fmla="*/ 274622 h 742384"/>
              <a:gd name="connsiteX16" fmla="*/ 700134 w 751437"/>
              <a:gd name="connsiteY16" fmla="*/ 223319 h 742384"/>
              <a:gd name="connsiteX17" fmla="*/ 694099 w 751437"/>
              <a:gd name="connsiteY17" fmla="*/ 205212 h 742384"/>
              <a:gd name="connsiteX18" fmla="*/ 727295 w 751437"/>
              <a:gd name="connsiteY18" fmla="*/ 172016 h 742384"/>
              <a:gd name="connsiteX19" fmla="*/ 718241 w 751437"/>
              <a:gd name="connsiteY19" fmla="*/ 141837 h 742384"/>
              <a:gd name="connsiteX20" fmla="*/ 751437 w 751437"/>
              <a:gd name="connsiteY20" fmla="*/ 72427 h 742384"/>
              <a:gd name="connsiteX21" fmla="*/ 685045 w 751437"/>
              <a:gd name="connsiteY21" fmla="*/ 72427 h 742384"/>
              <a:gd name="connsiteX22" fmla="*/ 660903 w 751437"/>
              <a:gd name="connsiteY22" fmla="*/ 57338 h 742384"/>
              <a:gd name="connsiteX23" fmla="*/ 669956 w 751437"/>
              <a:gd name="connsiteY23" fmla="*/ 0 h 742384"/>
              <a:gd name="connsiteX24" fmla="*/ 669956 w 751437"/>
              <a:gd name="connsiteY24" fmla="*/ 0 h 742384"/>
              <a:gd name="connsiteX25" fmla="*/ 322906 w 751437"/>
              <a:gd name="connsiteY25" fmla="*/ 30178 h 742384"/>
              <a:gd name="connsiteX26" fmla="*/ 162962 w 751437"/>
              <a:gd name="connsiteY26" fmla="*/ 48285 h 742384"/>
              <a:gd name="connsiteX27" fmla="*/ 0 w 751437"/>
              <a:gd name="connsiteY27" fmla="*/ 75445 h 742384"/>
              <a:gd name="connsiteX0" fmla="*/ 0 w 751437"/>
              <a:gd name="connsiteY0" fmla="*/ 75445 h 742384"/>
              <a:gd name="connsiteX1" fmla="*/ 36213 w 751437"/>
              <a:gd name="connsiteY1" fmla="*/ 347049 h 742384"/>
              <a:gd name="connsiteX2" fmla="*/ 42249 w 751437"/>
              <a:gd name="connsiteY2" fmla="*/ 633742 h 742384"/>
              <a:gd name="connsiteX3" fmla="*/ 54809 w 751437"/>
              <a:gd name="connsiteY3" fmla="*/ 644618 h 742384"/>
              <a:gd name="connsiteX4" fmla="*/ 96570 w 751437"/>
              <a:gd name="connsiteY4" fmla="*/ 618653 h 742384"/>
              <a:gd name="connsiteX5" fmla="*/ 114677 w 751437"/>
              <a:gd name="connsiteY5" fmla="*/ 636760 h 742384"/>
              <a:gd name="connsiteX6" fmla="*/ 123730 w 751437"/>
              <a:gd name="connsiteY6" fmla="*/ 742384 h 742384"/>
              <a:gd name="connsiteX7" fmla="*/ 407405 w 751437"/>
              <a:gd name="connsiteY7" fmla="*/ 712206 h 742384"/>
              <a:gd name="connsiteX8" fmla="*/ 579421 w 751437"/>
              <a:gd name="connsiteY8" fmla="*/ 685045 h 742384"/>
              <a:gd name="connsiteX9" fmla="*/ 588475 w 751437"/>
              <a:gd name="connsiteY9" fmla="*/ 700134 h 742384"/>
              <a:gd name="connsiteX10" fmla="*/ 597528 w 751437"/>
              <a:gd name="connsiteY10" fmla="*/ 597528 h 742384"/>
              <a:gd name="connsiteX11" fmla="*/ 573386 w 751437"/>
              <a:gd name="connsiteY11" fmla="*/ 537172 h 742384"/>
              <a:gd name="connsiteX12" fmla="*/ 594510 w 751437"/>
              <a:gd name="connsiteY12" fmla="*/ 473798 h 742384"/>
              <a:gd name="connsiteX13" fmla="*/ 642796 w 751437"/>
              <a:gd name="connsiteY13" fmla="*/ 395334 h 742384"/>
              <a:gd name="connsiteX14" fmla="*/ 651849 w 751437"/>
              <a:gd name="connsiteY14" fmla="*/ 365156 h 742384"/>
              <a:gd name="connsiteX15" fmla="*/ 648831 w 751437"/>
              <a:gd name="connsiteY15" fmla="*/ 341014 h 742384"/>
              <a:gd name="connsiteX16" fmla="*/ 691081 w 751437"/>
              <a:gd name="connsiteY16" fmla="*/ 274622 h 742384"/>
              <a:gd name="connsiteX17" fmla="*/ 700134 w 751437"/>
              <a:gd name="connsiteY17" fmla="*/ 223319 h 742384"/>
              <a:gd name="connsiteX18" fmla="*/ 694099 w 751437"/>
              <a:gd name="connsiteY18" fmla="*/ 205212 h 742384"/>
              <a:gd name="connsiteX19" fmla="*/ 727295 w 751437"/>
              <a:gd name="connsiteY19" fmla="*/ 172016 h 742384"/>
              <a:gd name="connsiteX20" fmla="*/ 718241 w 751437"/>
              <a:gd name="connsiteY20" fmla="*/ 141837 h 742384"/>
              <a:gd name="connsiteX21" fmla="*/ 751437 w 751437"/>
              <a:gd name="connsiteY21" fmla="*/ 72427 h 742384"/>
              <a:gd name="connsiteX22" fmla="*/ 685045 w 751437"/>
              <a:gd name="connsiteY22" fmla="*/ 72427 h 742384"/>
              <a:gd name="connsiteX23" fmla="*/ 660903 w 751437"/>
              <a:gd name="connsiteY23" fmla="*/ 57338 h 742384"/>
              <a:gd name="connsiteX24" fmla="*/ 669956 w 751437"/>
              <a:gd name="connsiteY24" fmla="*/ 0 h 742384"/>
              <a:gd name="connsiteX25" fmla="*/ 669956 w 751437"/>
              <a:gd name="connsiteY25" fmla="*/ 0 h 742384"/>
              <a:gd name="connsiteX26" fmla="*/ 322906 w 751437"/>
              <a:gd name="connsiteY26" fmla="*/ 30178 h 742384"/>
              <a:gd name="connsiteX27" fmla="*/ 162962 w 751437"/>
              <a:gd name="connsiteY27" fmla="*/ 48285 h 742384"/>
              <a:gd name="connsiteX28" fmla="*/ 0 w 751437"/>
              <a:gd name="connsiteY28" fmla="*/ 75445 h 742384"/>
              <a:gd name="connsiteX0" fmla="*/ 0 w 751437"/>
              <a:gd name="connsiteY0" fmla="*/ 75445 h 742384"/>
              <a:gd name="connsiteX1" fmla="*/ 36213 w 751437"/>
              <a:gd name="connsiteY1" fmla="*/ 347049 h 742384"/>
              <a:gd name="connsiteX2" fmla="*/ 42249 w 751437"/>
              <a:gd name="connsiteY2" fmla="*/ 633742 h 742384"/>
              <a:gd name="connsiteX3" fmla="*/ 54809 w 751437"/>
              <a:gd name="connsiteY3" fmla="*/ 644618 h 742384"/>
              <a:gd name="connsiteX4" fmla="*/ 91803 w 751437"/>
              <a:gd name="connsiteY4" fmla="*/ 628191 h 742384"/>
              <a:gd name="connsiteX5" fmla="*/ 114677 w 751437"/>
              <a:gd name="connsiteY5" fmla="*/ 636760 h 742384"/>
              <a:gd name="connsiteX6" fmla="*/ 123730 w 751437"/>
              <a:gd name="connsiteY6" fmla="*/ 742384 h 742384"/>
              <a:gd name="connsiteX7" fmla="*/ 407405 w 751437"/>
              <a:gd name="connsiteY7" fmla="*/ 712206 h 742384"/>
              <a:gd name="connsiteX8" fmla="*/ 579421 w 751437"/>
              <a:gd name="connsiteY8" fmla="*/ 685045 h 742384"/>
              <a:gd name="connsiteX9" fmla="*/ 588475 w 751437"/>
              <a:gd name="connsiteY9" fmla="*/ 700134 h 742384"/>
              <a:gd name="connsiteX10" fmla="*/ 597528 w 751437"/>
              <a:gd name="connsiteY10" fmla="*/ 597528 h 742384"/>
              <a:gd name="connsiteX11" fmla="*/ 573386 w 751437"/>
              <a:gd name="connsiteY11" fmla="*/ 537172 h 742384"/>
              <a:gd name="connsiteX12" fmla="*/ 594510 w 751437"/>
              <a:gd name="connsiteY12" fmla="*/ 473798 h 742384"/>
              <a:gd name="connsiteX13" fmla="*/ 642796 w 751437"/>
              <a:gd name="connsiteY13" fmla="*/ 395334 h 742384"/>
              <a:gd name="connsiteX14" fmla="*/ 651849 w 751437"/>
              <a:gd name="connsiteY14" fmla="*/ 365156 h 742384"/>
              <a:gd name="connsiteX15" fmla="*/ 648831 w 751437"/>
              <a:gd name="connsiteY15" fmla="*/ 341014 h 742384"/>
              <a:gd name="connsiteX16" fmla="*/ 691081 w 751437"/>
              <a:gd name="connsiteY16" fmla="*/ 274622 h 742384"/>
              <a:gd name="connsiteX17" fmla="*/ 700134 w 751437"/>
              <a:gd name="connsiteY17" fmla="*/ 223319 h 742384"/>
              <a:gd name="connsiteX18" fmla="*/ 694099 w 751437"/>
              <a:gd name="connsiteY18" fmla="*/ 205212 h 742384"/>
              <a:gd name="connsiteX19" fmla="*/ 727295 w 751437"/>
              <a:gd name="connsiteY19" fmla="*/ 172016 h 742384"/>
              <a:gd name="connsiteX20" fmla="*/ 718241 w 751437"/>
              <a:gd name="connsiteY20" fmla="*/ 141837 h 742384"/>
              <a:gd name="connsiteX21" fmla="*/ 751437 w 751437"/>
              <a:gd name="connsiteY21" fmla="*/ 72427 h 742384"/>
              <a:gd name="connsiteX22" fmla="*/ 685045 w 751437"/>
              <a:gd name="connsiteY22" fmla="*/ 72427 h 742384"/>
              <a:gd name="connsiteX23" fmla="*/ 660903 w 751437"/>
              <a:gd name="connsiteY23" fmla="*/ 57338 h 742384"/>
              <a:gd name="connsiteX24" fmla="*/ 669956 w 751437"/>
              <a:gd name="connsiteY24" fmla="*/ 0 h 742384"/>
              <a:gd name="connsiteX25" fmla="*/ 669956 w 751437"/>
              <a:gd name="connsiteY25" fmla="*/ 0 h 742384"/>
              <a:gd name="connsiteX26" fmla="*/ 322906 w 751437"/>
              <a:gd name="connsiteY26" fmla="*/ 30178 h 742384"/>
              <a:gd name="connsiteX27" fmla="*/ 162962 w 751437"/>
              <a:gd name="connsiteY27" fmla="*/ 48285 h 742384"/>
              <a:gd name="connsiteX28" fmla="*/ 0 w 751437"/>
              <a:gd name="connsiteY28" fmla="*/ 75445 h 7423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</a:cxnLst>
            <a:rect l="l" t="t" r="r" b="b"/>
            <a:pathLst>
              <a:path w="751437" h="742384">
                <a:moveTo>
                  <a:pt x="0" y="75445"/>
                </a:moveTo>
                <a:lnTo>
                  <a:pt x="36213" y="347049"/>
                </a:lnTo>
                <a:lnTo>
                  <a:pt x="42249" y="633742"/>
                </a:lnTo>
                <a:cubicBezTo>
                  <a:pt x="44847" y="632598"/>
                  <a:pt x="52211" y="645762"/>
                  <a:pt x="54809" y="644618"/>
                </a:cubicBezTo>
                <a:lnTo>
                  <a:pt x="91803" y="628191"/>
                </a:lnTo>
                <a:lnTo>
                  <a:pt x="114677" y="636760"/>
                </a:lnTo>
                <a:lnTo>
                  <a:pt x="123730" y="742384"/>
                </a:lnTo>
                <a:lnTo>
                  <a:pt x="407405" y="712206"/>
                </a:lnTo>
                <a:lnTo>
                  <a:pt x="579421" y="685045"/>
                </a:lnTo>
                <a:lnTo>
                  <a:pt x="588475" y="700134"/>
                </a:lnTo>
                <a:lnTo>
                  <a:pt x="597528" y="597528"/>
                </a:lnTo>
                <a:lnTo>
                  <a:pt x="573386" y="537172"/>
                </a:lnTo>
                <a:lnTo>
                  <a:pt x="594510" y="473798"/>
                </a:lnTo>
                <a:lnTo>
                  <a:pt x="642796" y="395334"/>
                </a:lnTo>
                <a:lnTo>
                  <a:pt x="651849" y="365156"/>
                </a:lnTo>
                <a:lnTo>
                  <a:pt x="648831" y="341014"/>
                </a:lnTo>
                <a:lnTo>
                  <a:pt x="691081" y="274622"/>
                </a:lnTo>
                <a:lnTo>
                  <a:pt x="700134" y="223319"/>
                </a:lnTo>
                <a:lnTo>
                  <a:pt x="694099" y="205212"/>
                </a:lnTo>
                <a:lnTo>
                  <a:pt x="727295" y="172016"/>
                </a:lnTo>
                <a:lnTo>
                  <a:pt x="718241" y="141837"/>
                </a:lnTo>
                <a:lnTo>
                  <a:pt x="751437" y="72427"/>
                </a:lnTo>
                <a:lnTo>
                  <a:pt x="685045" y="72427"/>
                </a:lnTo>
                <a:lnTo>
                  <a:pt x="660903" y="57338"/>
                </a:lnTo>
                <a:lnTo>
                  <a:pt x="669956" y="0"/>
                </a:lnTo>
                <a:lnTo>
                  <a:pt x="669956" y="0"/>
                </a:lnTo>
                <a:lnTo>
                  <a:pt x="322906" y="30178"/>
                </a:lnTo>
                <a:lnTo>
                  <a:pt x="162962" y="48285"/>
                </a:lnTo>
                <a:lnTo>
                  <a:pt x="0" y="75445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3" name="Freeform 42"/>
          <p:cNvSpPr/>
          <p:nvPr userDrawn="1"/>
        </p:nvSpPr>
        <p:spPr>
          <a:xfrm rot="171972">
            <a:off x="5495666" y="4170887"/>
            <a:ext cx="528637" cy="969962"/>
          </a:xfrm>
          <a:custGeom>
            <a:avLst/>
            <a:gdLst>
              <a:gd name="connsiteX0" fmla="*/ 132784 w 528118"/>
              <a:gd name="connsiteY0" fmla="*/ 54321 h 968721"/>
              <a:gd name="connsiteX1" fmla="*/ 87516 w 528118"/>
              <a:gd name="connsiteY1" fmla="*/ 126748 h 968721"/>
              <a:gd name="connsiteX2" fmla="*/ 93552 w 528118"/>
              <a:gd name="connsiteY2" fmla="*/ 162962 h 968721"/>
              <a:gd name="connsiteX3" fmla="*/ 30178 w 528118"/>
              <a:gd name="connsiteY3" fmla="*/ 265568 h 968721"/>
              <a:gd name="connsiteX4" fmla="*/ 9053 w 528118"/>
              <a:gd name="connsiteY4" fmla="*/ 322907 h 968721"/>
              <a:gd name="connsiteX5" fmla="*/ 36213 w 528118"/>
              <a:gd name="connsiteY5" fmla="*/ 392317 h 968721"/>
              <a:gd name="connsiteX6" fmla="*/ 42249 w 528118"/>
              <a:gd name="connsiteY6" fmla="*/ 494923 h 968721"/>
              <a:gd name="connsiteX7" fmla="*/ 63374 w 528118"/>
              <a:gd name="connsiteY7" fmla="*/ 600546 h 968721"/>
              <a:gd name="connsiteX8" fmla="*/ 39231 w 528118"/>
              <a:gd name="connsiteY8" fmla="*/ 621671 h 968721"/>
              <a:gd name="connsiteX9" fmla="*/ 54320 w 528118"/>
              <a:gd name="connsiteY9" fmla="*/ 669956 h 968721"/>
              <a:gd name="connsiteX10" fmla="*/ 27160 w 528118"/>
              <a:gd name="connsiteY10" fmla="*/ 703152 h 968721"/>
              <a:gd name="connsiteX11" fmla="*/ 21124 w 528118"/>
              <a:gd name="connsiteY11" fmla="*/ 718242 h 968721"/>
              <a:gd name="connsiteX12" fmla="*/ 3017 w 528118"/>
              <a:gd name="connsiteY12" fmla="*/ 742384 h 968721"/>
              <a:gd name="connsiteX13" fmla="*/ 0 w 528118"/>
              <a:gd name="connsiteY13" fmla="*/ 838954 h 968721"/>
              <a:gd name="connsiteX14" fmla="*/ 3017 w 528118"/>
              <a:gd name="connsiteY14" fmla="*/ 851026 h 968721"/>
              <a:gd name="connsiteX15" fmla="*/ 238407 w 528118"/>
              <a:gd name="connsiteY15" fmla="*/ 826883 h 968721"/>
              <a:gd name="connsiteX16" fmla="*/ 280657 w 528118"/>
              <a:gd name="connsiteY16" fmla="*/ 817830 h 968721"/>
              <a:gd name="connsiteX17" fmla="*/ 298764 w 528118"/>
              <a:gd name="connsiteY17" fmla="*/ 838954 h 968721"/>
              <a:gd name="connsiteX18" fmla="*/ 301782 w 528118"/>
              <a:gd name="connsiteY18" fmla="*/ 866115 h 968721"/>
              <a:gd name="connsiteX19" fmla="*/ 298764 w 528118"/>
              <a:gd name="connsiteY19" fmla="*/ 902329 h 968721"/>
              <a:gd name="connsiteX20" fmla="*/ 325924 w 528118"/>
              <a:gd name="connsiteY20" fmla="*/ 923453 h 968721"/>
              <a:gd name="connsiteX21" fmla="*/ 334978 w 528118"/>
              <a:gd name="connsiteY21" fmla="*/ 962685 h 968721"/>
              <a:gd name="connsiteX22" fmla="*/ 347049 w 528118"/>
              <a:gd name="connsiteY22" fmla="*/ 968721 h 968721"/>
              <a:gd name="connsiteX23" fmla="*/ 425512 w 528118"/>
              <a:gd name="connsiteY23" fmla="*/ 917418 h 968721"/>
              <a:gd name="connsiteX24" fmla="*/ 446637 w 528118"/>
              <a:gd name="connsiteY24" fmla="*/ 911382 h 968721"/>
              <a:gd name="connsiteX25" fmla="*/ 476815 w 528118"/>
              <a:gd name="connsiteY25" fmla="*/ 905346 h 968721"/>
              <a:gd name="connsiteX26" fmla="*/ 506994 w 528118"/>
              <a:gd name="connsiteY26" fmla="*/ 914400 h 968721"/>
              <a:gd name="connsiteX27" fmla="*/ 528118 w 528118"/>
              <a:gd name="connsiteY27" fmla="*/ 887240 h 968721"/>
              <a:gd name="connsiteX28" fmla="*/ 494922 w 528118"/>
              <a:gd name="connsiteY28" fmla="*/ 488887 h 968721"/>
              <a:gd name="connsiteX29" fmla="*/ 485869 w 528118"/>
              <a:gd name="connsiteY29" fmla="*/ 277640 h 968721"/>
              <a:gd name="connsiteX30" fmla="*/ 455691 w 528118"/>
              <a:gd name="connsiteY30" fmla="*/ 0 h 968721"/>
              <a:gd name="connsiteX31" fmla="*/ 446637 w 528118"/>
              <a:gd name="connsiteY31" fmla="*/ 15089 h 968721"/>
              <a:gd name="connsiteX32" fmla="*/ 404388 w 528118"/>
              <a:gd name="connsiteY32" fmla="*/ 12071 h 968721"/>
              <a:gd name="connsiteX33" fmla="*/ 132784 w 528118"/>
              <a:gd name="connsiteY33" fmla="*/ 54321 h 968721"/>
              <a:gd name="connsiteX0" fmla="*/ 132784 w 528118"/>
              <a:gd name="connsiteY0" fmla="*/ 54321 h 968721"/>
              <a:gd name="connsiteX1" fmla="*/ 87516 w 528118"/>
              <a:gd name="connsiteY1" fmla="*/ 126748 h 968721"/>
              <a:gd name="connsiteX2" fmla="*/ 93552 w 528118"/>
              <a:gd name="connsiteY2" fmla="*/ 162962 h 968721"/>
              <a:gd name="connsiteX3" fmla="*/ 30178 w 528118"/>
              <a:gd name="connsiteY3" fmla="*/ 265568 h 968721"/>
              <a:gd name="connsiteX4" fmla="*/ 9053 w 528118"/>
              <a:gd name="connsiteY4" fmla="*/ 322907 h 968721"/>
              <a:gd name="connsiteX5" fmla="*/ 36213 w 528118"/>
              <a:gd name="connsiteY5" fmla="*/ 392317 h 968721"/>
              <a:gd name="connsiteX6" fmla="*/ 42249 w 528118"/>
              <a:gd name="connsiteY6" fmla="*/ 494923 h 968721"/>
              <a:gd name="connsiteX7" fmla="*/ 49101 w 528118"/>
              <a:gd name="connsiteY7" fmla="*/ 593411 h 968721"/>
              <a:gd name="connsiteX8" fmla="*/ 39231 w 528118"/>
              <a:gd name="connsiteY8" fmla="*/ 621671 h 968721"/>
              <a:gd name="connsiteX9" fmla="*/ 54320 w 528118"/>
              <a:gd name="connsiteY9" fmla="*/ 669956 h 968721"/>
              <a:gd name="connsiteX10" fmla="*/ 27160 w 528118"/>
              <a:gd name="connsiteY10" fmla="*/ 703152 h 968721"/>
              <a:gd name="connsiteX11" fmla="*/ 21124 w 528118"/>
              <a:gd name="connsiteY11" fmla="*/ 718242 h 968721"/>
              <a:gd name="connsiteX12" fmla="*/ 3017 w 528118"/>
              <a:gd name="connsiteY12" fmla="*/ 742384 h 968721"/>
              <a:gd name="connsiteX13" fmla="*/ 0 w 528118"/>
              <a:gd name="connsiteY13" fmla="*/ 838954 h 968721"/>
              <a:gd name="connsiteX14" fmla="*/ 3017 w 528118"/>
              <a:gd name="connsiteY14" fmla="*/ 851026 h 968721"/>
              <a:gd name="connsiteX15" fmla="*/ 238407 w 528118"/>
              <a:gd name="connsiteY15" fmla="*/ 826883 h 968721"/>
              <a:gd name="connsiteX16" fmla="*/ 280657 w 528118"/>
              <a:gd name="connsiteY16" fmla="*/ 817830 h 968721"/>
              <a:gd name="connsiteX17" fmla="*/ 298764 w 528118"/>
              <a:gd name="connsiteY17" fmla="*/ 838954 h 968721"/>
              <a:gd name="connsiteX18" fmla="*/ 301782 w 528118"/>
              <a:gd name="connsiteY18" fmla="*/ 866115 h 968721"/>
              <a:gd name="connsiteX19" fmla="*/ 298764 w 528118"/>
              <a:gd name="connsiteY19" fmla="*/ 902329 h 968721"/>
              <a:gd name="connsiteX20" fmla="*/ 325924 w 528118"/>
              <a:gd name="connsiteY20" fmla="*/ 923453 h 968721"/>
              <a:gd name="connsiteX21" fmla="*/ 334978 w 528118"/>
              <a:gd name="connsiteY21" fmla="*/ 962685 h 968721"/>
              <a:gd name="connsiteX22" fmla="*/ 347049 w 528118"/>
              <a:gd name="connsiteY22" fmla="*/ 968721 h 968721"/>
              <a:gd name="connsiteX23" fmla="*/ 425512 w 528118"/>
              <a:gd name="connsiteY23" fmla="*/ 917418 h 968721"/>
              <a:gd name="connsiteX24" fmla="*/ 446637 w 528118"/>
              <a:gd name="connsiteY24" fmla="*/ 911382 h 968721"/>
              <a:gd name="connsiteX25" fmla="*/ 476815 w 528118"/>
              <a:gd name="connsiteY25" fmla="*/ 905346 h 968721"/>
              <a:gd name="connsiteX26" fmla="*/ 506994 w 528118"/>
              <a:gd name="connsiteY26" fmla="*/ 914400 h 968721"/>
              <a:gd name="connsiteX27" fmla="*/ 528118 w 528118"/>
              <a:gd name="connsiteY27" fmla="*/ 887240 h 968721"/>
              <a:gd name="connsiteX28" fmla="*/ 494922 w 528118"/>
              <a:gd name="connsiteY28" fmla="*/ 488887 h 968721"/>
              <a:gd name="connsiteX29" fmla="*/ 485869 w 528118"/>
              <a:gd name="connsiteY29" fmla="*/ 277640 h 968721"/>
              <a:gd name="connsiteX30" fmla="*/ 455691 w 528118"/>
              <a:gd name="connsiteY30" fmla="*/ 0 h 968721"/>
              <a:gd name="connsiteX31" fmla="*/ 446637 w 528118"/>
              <a:gd name="connsiteY31" fmla="*/ 15089 h 968721"/>
              <a:gd name="connsiteX32" fmla="*/ 404388 w 528118"/>
              <a:gd name="connsiteY32" fmla="*/ 12071 h 968721"/>
              <a:gd name="connsiteX33" fmla="*/ 132784 w 528118"/>
              <a:gd name="connsiteY33" fmla="*/ 54321 h 9687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528118" h="968721">
                <a:moveTo>
                  <a:pt x="132784" y="54321"/>
                </a:moveTo>
                <a:lnTo>
                  <a:pt x="87516" y="126748"/>
                </a:lnTo>
                <a:lnTo>
                  <a:pt x="93552" y="162962"/>
                </a:lnTo>
                <a:lnTo>
                  <a:pt x="30178" y="265568"/>
                </a:lnTo>
                <a:lnTo>
                  <a:pt x="9053" y="322907"/>
                </a:lnTo>
                <a:lnTo>
                  <a:pt x="36213" y="392317"/>
                </a:lnTo>
                <a:lnTo>
                  <a:pt x="42249" y="494923"/>
                </a:lnTo>
                <a:lnTo>
                  <a:pt x="49101" y="593411"/>
                </a:lnTo>
                <a:lnTo>
                  <a:pt x="39231" y="621671"/>
                </a:lnTo>
                <a:lnTo>
                  <a:pt x="54320" y="669956"/>
                </a:lnTo>
                <a:lnTo>
                  <a:pt x="27160" y="703152"/>
                </a:lnTo>
                <a:lnTo>
                  <a:pt x="21124" y="718242"/>
                </a:lnTo>
                <a:lnTo>
                  <a:pt x="3017" y="742384"/>
                </a:lnTo>
                <a:cubicBezTo>
                  <a:pt x="2011" y="774574"/>
                  <a:pt x="1006" y="806764"/>
                  <a:pt x="0" y="838954"/>
                </a:cubicBezTo>
                <a:lnTo>
                  <a:pt x="3017" y="851026"/>
                </a:lnTo>
                <a:lnTo>
                  <a:pt x="238407" y="826883"/>
                </a:lnTo>
                <a:lnTo>
                  <a:pt x="280657" y="817830"/>
                </a:lnTo>
                <a:lnTo>
                  <a:pt x="298764" y="838954"/>
                </a:lnTo>
                <a:lnTo>
                  <a:pt x="301782" y="866115"/>
                </a:lnTo>
                <a:lnTo>
                  <a:pt x="298764" y="902329"/>
                </a:lnTo>
                <a:lnTo>
                  <a:pt x="325924" y="923453"/>
                </a:lnTo>
                <a:lnTo>
                  <a:pt x="334978" y="962685"/>
                </a:lnTo>
                <a:lnTo>
                  <a:pt x="347049" y="968721"/>
                </a:lnTo>
                <a:lnTo>
                  <a:pt x="425512" y="917418"/>
                </a:lnTo>
                <a:lnTo>
                  <a:pt x="446637" y="911382"/>
                </a:lnTo>
                <a:lnTo>
                  <a:pt x="476815" y="905346"/>
                </a:lnTo>
                <a:lnTo>
                  <a:pt x="506994" y="914400"/>
                </a:lnTo>
                <a:lnTo>
                  <a:pt x="528118" y="887240"/>
                </a:lnTo>
                <a:lnTo>
                  <a:pt x="494922" y="488887"/>
                </a:lnTo>
                <a:lnTo>
                  <a:pt x="485869" y="277640"/>
                </a:lnTo>
                <a:lnTo>
                  <a:pt x="455691" y="0"/>
                </a:lnTo>
                <a:lnTo>
                  <a:pt x="446637" y="15089"/>
                </a:lnTo>
                <a:lnTo>
                  <a:pt x="404388" y="12071"/>
                </a:lnTo>
                <a:lnTo>
                  <a:pt x="132784" y="54321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4" name="Freeform 43"/>
          <p:cNvSpPr/>
          <p:nvPr userDrawn="1"/>
        </p:nvSpPr>
        <p:spPr>
          <a:xfrm rot="171972">
            <a:off x="4747972" y="3181024"/>
            <a:ext cx="1090612" cy="830262"/>
          </a:xfrm>
          <a:custGeom>
            <a:avLst/>
            <a:gdLst>
              <a:gd name="connsiteX0" fmla="*/ 0 w 1089433"/>
              <a:gd name="connsiteY0" fmla="*/ 63374 h 826883"/>
              <a:gd name="connsiteX1" fmla="*/ 57338 w 1089433"/>
              <a:gd name="connsiteY1" fmla="*/ 159945 h 826883"/>
              <a:gd name="connsiteX2" fmla="*/ 117695 w 1089433"/>
              <a:gd name="connsiteY2" fmla="*/ 202194 h 826883"/>
              <a:gd name="connsiteX3" fmla="*/ 120713 w 1089433"/>
              <a:gd name="connsiteY3" fmla="*/ 262550 h 826883"/>
              <a:gd name="connsiteX4" fmla="*/ 193140 w 1089433"/>
              <a:gd name="connsiteY4" fmla="*/ 331960 h 826883"/>
              <a:gd name="connsiteX5" fmla="*/ 214265 w 1089433"/>
              <a:gd name="connsiteY5" fmla="*/ 721259 h 826883"/>
              <a:gd name="connsiteX6" fmla="*/ 247461 w 1089433"/>
              <a:gd name="connsiteY6" fmla="*/ 826883 h 826883"/>
              <a:gd name="connsiteX7" fmla="*/ 905346 w 1089433"/>
              <a:gd name="connsiteY7" fmla="*/ 754455 h 826883"/>
              <a:gd name="connsiteX8" fmla="*/ 908364 w 1089433"/>
              <a:gd name="connsiteY8" fmla="*/ 805758 h 826883"/>
              <a:gd name="connsiteX9" fmla="*/ 932507 w 1089433"/>
              <a:gd name="connsiteY9" fmla="*/ 823865 h 826883"/>
              <a:gd name="connsiteX10" fmla="*/ 989845 w 1089433"/>
              <a:gd name="connsiteY10" fmla="*/ 823865 h 826883"/>
              <a:gd name="connsiteX11" fmla="*/ 998899 w 1089433"/>
              <a:gd name="connsiteY11" fmla="*/ 799723 h 826883"/>
              <a:gd name="connsiteX12" fmla="*/ 995881 w 1089433"/>
              <a:gd name="connsiteY12" fmla="*/ 772562 h 826883"/>
              <a:gd name="connsiteX13" fmla="*/ 1029077 w 1089433"/>
              <a:gd name="connsiteY13" fmla="*/ 700135 h 826883"/>
              <a:gd name="connsiteX14" fmla="*/ 1056237 w 1089433"/>
              <a:gd name="connsiteY14" fmla="*/ 675992 h 826883"/>
              <a:gd name="connsiteX15" fmla="*/ 1089433 w 1089433"/>
              <a:gd name="connsiteY15" fmla="*/ 682028 h 826883"/>
              <a:gd name="connsiteX16" fmla="*/ 1068309 w 1089433"/>
              <a:gd name="connsiteY16" fmla="*/ 648832 h 826883"/>
              <a:gd name="connsiteX17" fmla="*/ 1065291 w 1089433"/>
              <a:gd name="connsiteY17" fmla="*/ 597529 h 826883"/>
              <a:gd name="connsiteX18" fmla="*/ 1035113 w 1089433"/>
              <a:gd name="connsiteY18" fmla="*/ 588475 h 826883"/>
              <a:gd name="connsiteX19" fmla="*/ 1001917 w 1089433"/>
              <a:gd name="connsiteY19" fmla="*/ 576404 h 826883"/>
              <a:gd name="connsiteX20" fmla="*/ 977774 w 1089433"/>
              <a:gd name="connsiteY20" fmla="*/ 528119 h 826883"/>
              <a:gd name="connsiteX21" fmla="*/ 965703 w 1089433"/>
              <a:gd name="connsiteY21" fmla="*/ 479834 h 826883"/>
              <a:gd name="connsiteX22" fmla="*/ 935525 w 1089433"/>
              <a:gd name="connsiteY22" fmla="*/ 461727 h 826883"/>
              <a:gd name="connsiteX23" fmla="*/ 872150 w 1089433"/>
              <a:gd name="connsiteY23" fmla="*/ 422495 h 826883"/>
              <a:gd name="connsiteX24" fmla="*/ 829901 w 1089433"/>
              <a:gd name="connsiteY24" fmla="*/ 356103 h 826883"/>
              <a:gd name="connsiteX25" fmla="*/ 838954 w 1089433"/>
              <a:gd name="connsiteY25" fmla="*/ 328943 h 826883"/>
              <a:gd name="connsiteX26" fmla="*/ 866115 w 1089433"/>
              <a:gd name="connsiteY26" fmla="*/ 301782 h 826883"/>
              <a:gd name="connsiteX27" fmla="*/ 817830 w 1089433"/>
              <a:gd name="connsiteY27" fmla="*/ 256515 h 826883"/>
              <a:gd name="connsiteX28" fmla="*/ 805758 w 1089433"/>
              <a:gd name="connsiteY28" fmla="*/ 271604 h 826883"/>
              <a:gd name="connsiteX29" fmla="*/ 787651 w 1089433"/>
              <a:gd name="connsiteY29" fmla="*/ 277640 h 826883"/>
              <a:gd name="connsiteX30" fmla="*/ 766527 w 1089433"/>
              <a:gd name="connsiteY30" fmla="*/ 241426 h 826883"/>
              <a:gd name="connsiteX31" fmla="*/ 745402 w 1089433"/>
              <a:gd name="connsiteY31" fmla="*/ 181069 h 826883"/>
              <a:gd name="connsiteX32" fmla="*/ 712206 w 1089433"/>
              <a:gd name="connsiteY32" fmla="*/ 168998 h 826883"/>
              <a:gd name="connsiteX33" fmla="*/ 675992 w 1089433"/>
              <a:gd name="connsiteY33" fmla="*/ 156927 h 826883"/>
              <a:gd name="connsiteX34" fmla="*/ 657885 w 1089433"/>
              <a:gd name="connsiteY34" fmla="*/ 141838 h 826883"/>
              <a:gd name="connsiteX35" fmla="*/ 648831 w 1089433"/>
              <a:gd name="connsiteY35" fmla="*/ 90535 h 826883"/>
              <a:gd name="connsiteX36" fmla="*/ 639778 w 1089433"/>
              <a:gd name="connsiteY36" fmla="*/ 57339 h 826883"/>
              <a:gd name="connsiteX37" fmla="*/ 633742 w 1089433"/>
              <a:gd name="connsiteY37" fmla="*/ 24143 h 826883"/>
              <a:gd name="connsiteX38" fmla="*/ 576404 w 1089433"/>
              <a:gd name="connsiteY38" fmla="*/ 0 h 826883"/>
              <a:gd name="connsiteX39" fmla="*/ 0 w 1089433"/>
              <a:gd name="connsiteY39" fmla="*/ 63374 h 826883"/>
              <a:gd name="connsiteX0" fmla="*/ 0 w 1089433"/>
              <a:gd name="connsiteY0" fmla="*/ 63374 h 829264"/>
              <a:gd name="connsiteX1" fmla="*/ 57338 w 1089433"/>
              <a:gd name="connsiteY1" fmla="*/ 159945 h 829264"/>
              <a:gd name="connsiteX2" fmla="*/ 117695 w 1089433"/>
              <a:gd name="connsiteY2" fmla="*/ 202194 h 829264"/>
              <a:gd name="connsiteX3" fmla="*/ 120713 w 1089433"/>
              <a:gd name="connsiteY3" fmla="*/ 262550 h 829264"/>
              <a:gd name="connsiteX4" fmla="*/ 193140 w 1089433"/>
              <a:gd name="connsiteY4" fmla="*/ 331960 h 829264"/>
              <a:gd name="connsiteX5" fmla="*/ 214265 w 1089433"/>
              <a:gd name="connsiteY5" fmla="*/ 721259 h 829264"/>
              <a:gd name="connsiteX6" fmla="*/ 235568 w 1089433"/>
              <a:gd name="connsiteY6" fmla="*/ 829264 h 829264"/>
              <a:gd name="connsiteX7" fmla="*/ 905346 w 1089433"/>
              <a:gd name="connsiteY7" fmla="*/ 754455 h 829264"/>
              <a:gd name="connsiteX8" fmla="*/ 908364 w 1089433"/>
              <a:gd name="connsiteY8" fmla="*/ 805758 h 829264"/>
              <a:gd name="connsiteX9" fmla="*/ 932507 w 1089433"/>
              <a:gd name="connsiteY9" fmla="*/ 823865 h 829264"/>
              <a:gd name="connsiteX10" fmla="*/ 989845 w 1089433"/>
              <a:gd name="connsiteY10" fmla="*/ 823865 h 829264"/>
              <a:gd name="connsiteX11" fmla="*/ 998899 w 1089433"/>
              <a:gd name="connsiteY11" fmla="*/ 799723 h 829264"/>
              <a:gd name="connsiteX12" fmla="*/ 995881 w 1089433"/>
              <a:gd name="connsiteY12" fmla="*/ 772562 h 829264"/>
              <a:gd name="connsiteX13" fmla="*/ 1029077 w 1089433"/>
              <a:gd name="connsiteY13" fmla="*/ 700135 h 829264"/>
              <a:gd name="connsiteX14" fmla="*/ 1056237 w 1089433"/>
              <a:gd name="connsiteY14" fmla="*/ 675992 h 829264"/>
              <a:gd name="connsiteX15" fmla="*/ 1089433 w 1089433"/>
              <a:gd name="connsiteY15" fmla="*/ 682028 h 829264"/>
              <a:gd name="connsiteX16" fmla="*/ 1068309 w 1089433"/>
              <a:gd name="connsiteY16" fmla="*/ 648832 h 829264"/>
              <a:gd name="connsiteX17" fmla="*/ 1065291 w 1089433"/>
              <a:gd name="connsiteY17" fmla="*/ 597529 h 829264"/>
              <a:gd name="connsiteX18" fmla="*/ 1035113 w 1089433"/>
              <a:gd name="connsiteY18" fmla="*/ 588475 h 829264"/>
              <a:gd name="connsiteX19" fmla="*/ 1001917 w 1089433"/>
              <a:gd name="connsiteY19" fmla="*/ 576404 h 829264"/>
              <a:gd name="connsiteX20" fmla="*/ 977774 w 1089433"/>
              <a:gd name="connsiteY20" fmla="*/ 528119 h 829264"/>
              <a:gd name="connsiteX21" fmla="*/ 965703 w 1089433"/>
              <a:gd name="connsiteY21" fmla="*/ 479834 h 829264"/>
              <a:gd name="connsiteX22" fmla="*/ 935525 w 1089433"/>
              <a:gd name="connsiteY22" fmla="*/ 461727 h 829264"/>
              <a:gd name="connsiteX23" fmla="*/ 872150 w 1089433"/>
              <a:gd name="connsiteY23" fmla="*/ 422495 h 829264"/>
              <a:gd name="connsiteX24" fmla="*/ 829901 w 1089433"/>
              <a:gd name="connsiteY24" fmla="*/ 356103 h 829264"/>
              <a:gd name="connsiteX25" fmla="*/ 838954 w 1089433"/>
              <a:gd name="connsiteY25" fmla="*/ 328943 h 829264"/>
              <a:gd name="connsiteX26" fmla="*/ 866115 w 1089433"/>
              <a:gd name="connsiteY26" fmla="*/ 301782 h 829264"/>
              <a:gd name="connsiteX27" fmla="*/ 817830 w 1089433"/>
              <a:gd name="connsiteY27" fmla="*/ 256515 h 829264"/>
              <a:gd name="connsiteX28" fmla="*/ 805758 w 1089433"/>
              <a:gd name="connsiteY28" fmla="*/ 271604 h 829264"/>
              <a:gd name="connsiteX29" fmla="*/ 787651 w 1089433"/>
              <a:gd name="connsiteY29" fmla="*/ 277640 h 829264"/>
              <a:gd name="connsiteX30" fmla="*/ 766527 w 1089433"/>
              <a:gd name="connsiteY30" fmla="*/ 241426 h 829264"/>
              <a:gd name="connsiteX31" fmla="*/ 745402 w 1089433"/>
              <a:gd name="connsiteY31" fmla="*/ 181069 h 829264"/>
              <a:gd name="connsiteX32" fmla="*/ 712206 w 1089433"/>
              <a:gd name="connsiteY32" fmla="*/ 168998 h 829264"/>
              <a:gd name="connsiteX33" fmla="*/ 675992 w 1089433"/>
              <a:gd name="connsiteY33" fmla="*/ 156927 h 829264"/>
              <a:gd name="connsiteX34" fmla="*/ 657885 w 1089433"/>
              <a:gd name="connsiteY34" fmla="*/ 141838 h 829264"/>
              <a:gd name="connsiteX35" fmla="*/ 648831 w 1089433"/>
              <a:gd name="connsiteY35" fmla="*/ 90535 h 829264"/>
              <a:gd name="connsiteX36" fmla="*/ 639778 w 1089433"/>
              <a:gd name="connsiteY36" fmla="*/ 57339 h 829264"/>
              <a:gd name="connsiteX37" fmla="*/ 633742 w 1089433"/>
              <a:gd name="connsiteY37" fmla="*/ 24143 h 829264"/>
              <a:gd name="connsiteX38" fmla="*/ 576404 w 1089433"/>
              <a:gd name="connsiteY38" fmla="*/ 0 h 829264"/>
              <a:gd name="connsiteX39" fmla="*/ 0 w 1089433"/>
              <a:gd name="connsiteY39" fmla="*/ 63374 h 829264"/>
              <a:gd name="connsiteX0" fmla="*/ 0 w 1089433"/>
              <a:gd name="connsiteY0" fmla="*/ 63374 h 829264"/>
              <a:gd name="connsiteX1" fmla="*/ 57338 w 1089433"/>
              <a:gd name="connsiteY1" fmla="*/ 159945 h 829264"/>
              <a:gd name="connsiteX2" fmla="*/ 117695 w 1089433"/>
              <a:gd name="connsiteY2" fmla="*/ 202194 h 829264"/>
              <a:gd name="connsiteX3" fmla="*/ 120713 w 1089433"/>
              <a:gd name="connsiteY3" fmla="*/ 262550 h 829264"/>
              <a:gd name="connsiteX4" fmla="*/ 193140 w 1089433"/>
              <a:gd name="connsiteY4" fmla="*/ 331960 h 829264"/>
              <a:gd name="connsiteX5" fmla="*/ 214265 w 1089433"/>
              <a:gd name="connsiteY5" fmla="*/ 721259 h 829264"/>
              <a:gd name="connsiteX6" fmla="*/ 235568 w 1089433"/>
              <a:gd name="connsiteY6" fmla="*/ 829264 h 829264"/>
              <a:gd name="connsiteX7" fmla="*/ 905346 w 1089433"/>
              <a:gd name="connsiteY7" fmla="*/ 754455 h 829264"/>
              <a:gd name="connsiteX8" fmla="*/ 908364 w 1089433"/>
              <a:gd name="connsiteY8" fmla="*/ 805758 h 829264"/>
              <a:gd name="connsiteX9" fmla="*/ 932507 w 1089433"/>
              <a:gd name="connsiteY9" fmla="*/ 823865 h 829264"/>
              <a:gd name="connsiteX10" fmla="*/ 989845 w 1089433"/>
              <a:gd name="connsiteY10" fmla="*/ 823865 h 829264"/>
              <a:gd name="connsiteX11" fmla="*/ 998899 w 1089433"/>
              <a:gd name="connsiteY11" fmla="*/ 799723 h 829264"/>
              <a:gd name="connsiteX12" fmla="*/ 995881 w 1089433"/>
              <a:gd name="connsiteY12" fmla="*/ 772562 h 829264"/>
              <a:gd name="connsiteX13" fmla="*/ 1029077 w 1089433"/>
              <a:gd name="connsiteY13" fmla="*/ 700135 h 829264"/>
              <a:gd name="connsiteX14" fmla="*/ 1060995 w 1089433"/>
              <a:gd name="connsiteY14" fmla="*/ 687895 h 829264"/>
              <a:gd name="connsiteX15" fmla="*/ 1089433 w 1089433"/>
              <a:gd name="connsiteY15" fmla="*/ 682028 h 829264"/>
              <a:gd name="connsiteX16" fmla="*/ 1068309 w 1089433"/>
              <a:gd name="connsiteY16" fmla="*/ 648832 h 829264"/>
              <a:gd name="connsiteX17" fmla="*/ 1065291 w 1089433"/>
              <a:gd name="connsiteY17" fmla="*/ 597529 h 829264"/>
              <a:gd name="connsiteX18" fmla="*/ 1035113 w 1089433"/>
              <a:gd name="connsiteY18" fmla="*/ 588475 h 829264"/>
              <a:gd name="connsiteX19" fmla="*/ 1001917 w 1089433"/>
              <a:gd name="connsiteY19" fmla="*/ 576404 h 829264"/>
              <a:gd name="connsiteX20" fmla="*/ 977774 w 1089433"/>
              <a:gd name="connsiteY20" fmla="*/ 528119 h 829264"/>
              <a:gd name="connsiteX21" fmla="*/ 965703 w 1089433"/>
              <a:gd name="connsiteY21" fmla="*/ 479834 h 829264"/>
              <a:gd name="connsiteX22" fmla="*/ 935525 w 1089433"/>
              <a:gd name="connsiteY22" fmla="*/ 461727 h 829264"/>
              <a:gd name="connsiteX23" fmla="*/ 872150 w 1089433"/>
              <a:gd name="connsiteY23" fmla="*/ 422495 h 829264"/>
              <a:gd name="connsiteX24" fmla="*/ 829901 w 1089433"/>
              <a:gd name="connsiteY24" fmla="*/ 356103 h 829264"/>
              <a:gd name="connsiteX25" fmla="*/ 838954 w 1089433"/>
              <a:gd name="connsiteY25" fmla="*/ 328943 h 829264"/>
              <a:gd name="connsiteX26" fmla="*/ 866115 w 1089433"/>
              <a:gd name="connsiteY26" fmla="*/ 301782 h 829264"/>
              <a:gd name="connsiteX27" fmla="*/ 817830 w 1089433"/>
              <a:gd name="connsiteY27" fmla="*/ 256515 h 829264"/>
              <a:gd name="connsiteX28" fmla="*/ 805758 w 1089433"/>
              <a:gd name="connsiteY28" fmla="*/ 271604 h 829264"/>
              <a:gd name="connsiteX29" fmla="*/ 787651 w 1089433"/>
              <a:gd name="connsiteY29" fmla="*/ 277640 h 829264"/>
              <a:gd name="connsiteX30" fmla="*/ 766527 w 1089433"/>
              <a:gd name="connsiteY30" fmla="*/ 241426 h 829264"/>
              <a:gd name="connsiteX31" fmla="*/ 745402 w 1089433"/>
              <a:gd name="connsiteY31" fmla="*/ 181069 h 829264"/>
              <a:gd name="connsiteX32" fmla="*/ 712206 w 1089433"/>
              <a:gd name="connsiteY32" fmla="*/ 168998 h 829264"/>
              <a:gd name="connsiteX33" fmla="*/ 675992 w 1089433"/>
              <a:gd name="connsiteY33" fmla="*/ 156927 h 829264"/>
              <a:gd name="connsiteX34" fmla="*/ 657885 w 1089433"/>
              <a:gd name="connsiteY34" fmla="*/ 141838 h 829264"/>
              <a:gd name="connsiteX35" fmla="*/ 648831 w 1089433"/>
              <a:gd name="connsiteY35" fmla="*/ 90535 h 829264"/>
              <a:gd name="connsiteX36" fmla="*/ 639778 w 1089433"/>
              <a:gd name="connsiteY36" fmla="*/ 57339 h 829264"/>
              <a:gd name="connsiteX37" fmla="*/ 633742 w 1089433"/>
              <a:gd name="connsiteY37" fmla="*/ 24143 h 829264"/>
              <a:gd name="connsiteX38" fmla="*/ 576404 w 1089433"/>
              <a:gd name="connsiteY38" fmla="*/ 0 h 829264"/>
              <a:gd name="connsiteX39" fmla="*/ 0 w 1089433"/>
              <a:gd name="connsiteY39" fmla="*/ 63374 h 8292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</a:cxnLst>
            <a:rect l="l" t="t" r="r" b="b"/>
            <a:pathLst>
              <a:path w="1089433" h="829264">
                <a:moveTo>
                  <a:pt x="0" y="63374"/>
                </a:moveTo>
                <a:lnTo>
                  <a:pt x="57338" y="159945"/>
                </a:lnTo>
                <a:lnTo>
                  <a:pt x="117695" y="202194"/>
                </a:lnTo>
                <a:lnTo>
                  <a:pt x="120713" y="262550"/>
                </a:lnTo>
                <a:lnTo>
                  <a:pt x="193140" y="331960"/>
                </a:lnTo>
                <a:lnTo>
                  <a:pt x="214265" y="721259"/>
                </a:lnTo>
                <a:lnTo>
                  <a:pt x="235568" y="829264"/>
                </a:lnTo>
                <a:lnTo>
                  <a:pt x="905346" y="754455"/>
                </a:lnTo>
                <a:lnTo>
                  <a:pt x="908364" y="805758"/>
                </a:lnTo>
                <a:lnTo>
                  <a:pt x="932507" y="823865"/>
                </a:lnTo>
                <a:lnTo>
                  <a:pt x="989845" y="823865"/>
                </a:lnTo>
                <a:lnTo>
                  <a:pt x="998899" y="799723"/>
                </a:lnTo>
                <a:lnTo>
                  <a:pt x="995881" y="772562"/>
                </a:lnTo>
                <a:lnTo>
                  <a:pt x="1029077" y="700135"/>
                </a:lnTo>
                <a:lnTo>
                  <a:pt x="1060995" y="687895"/>
                </a:lnTo>
                <a:lnTo>
                  <a:pt x="1089433" y="682028"/>
                </a:lnTo>
                <a:lnTo>
                  <a:pt x="1068309" y="648832"/>
                </a:lnTo>
                <a:lnTo>
                  <a:pt x="1065291" y="597529"/>
                </a:lnTo>
                <a:lnTo>
                  <a:pt x="1035113" y="588475"/>
                </a:lnTo>
                <a:lnTo>
                  <a:pt x="1001917" y="576404"/>
                </a:lnTo>
                <a:lnTo>
                  <a:pt x="977774" y="528119"/>
                </a:lnTo>
                <a:lnTo>
                  <a:pt x="965703" y="479834"/>
                </a:lnTo>
                <a:lnTo>
                  <a:pt x="935525" y="461727"/>
                </a:lnTo>
                <a:lnTo>
                  <a:pt x="872150" y="422495"/>
                </a:lnTo>
                <a:lnTo>
                  <a:pt x="829901" y="356103"/>
                </a:lnTo>
                <a:lnTo>
                  <a:pt x="838954" y="328943"/>
                </a:lnTo>
                <a:lnTo>
                  <a:pt x="866115" y="301782"/>
                </a:lnTo>
                <a:lnTo>
                  <a:pt x="817830" y="256515"/>
                </a:lnTo>
                <a:lnTo>
                  <a:pt x="805758" y="271604"/>
                </a:lnTo>
                <a:lnTo>
                  <a:pt x="787651" y="277640"/>
                </a:lnTo>
                <a:lnTo>
                  <a:pt x="766527" y="241426"/>
                </a:lnTo>
                <a:lnTo>
                  <a:pt x="745402" y="181069"/>
                </a:lnTo>
                <a:lnTo>
                  <a:pt x="712206" y="168998"/>
                </a:lnTo>
                <a:lnTo>
                  <a:pt x="675992" y="156927"/>
                </a:lnTo>
                <a:lnTo>
                  <a:pt x="657885" y="141838"/>
                </a:lnTo>
                <a:lnTo>
                  <a:pt x="648831" y="90535"/>
                </a:lnTo>
                <a:lnTo>
                  <a:pt x="639778" y="57339"/>
                </a:lnTo>
                <a:lnTo>
                  <a:pt x="633742" y="24143"/>
                </a:lnTo>
                <a:lnTo>
                  <a:pt x="576404" y="0"/>
                </a:lnTo>
                <a:lnTo>
                  <a:pt x="0" y="63374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5" name="Freeform 44"/>
          <p:cNvSpPr/>
          <p:nvPr userDrawn="1"/>
        </p:nvSpPr>
        <p:spPr>
          <a:xfrm rot="171972">
            <a:off x="5111615" y="1981479"/>
            <a:ext cx="828675" cy="823912"/>
          </a:xfrm>
          <a:custGeom>
            <a:avLst/>
            <a:gdLst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36214 w 829901"/>
              <a:gd name="connsiteY6" fmla="*/ 374210 h 823866"/>
              <a:gd name="connsiteX7" fmla="*/ 27160 w 829901"/>
              <a:gd name="connsiteY7" fmla="*/ 380246 h 823866"/>
              <a:gd name="connsiteX8" fmla="*/ 36214 w 829901"/>
              <a:gd name="connsiteY8" fmla="*/ 446638 h 823866"/>
              <a:gd name="connsiteX9" fmla="*/ 75446 w 829901"/>
              <a:gd name="connsiteY9" fmla="*/ 449656 h 823866"/>
              <a:gd name="connsiteX10" fmla="*/ 102606 w 829901"/>
              <a:gd name="connsiteY10" fmla="*/ 461727 h 823866"/>
              <a:gd name="connsiteX11" fmla="*/ 150891 w 829901"/>
              <a:gd name="connsiteY11" fmla="*/ 476816 h 823866"/>
              <a:gd name="connsiteX12" fmla="*/ 190123 w 829901"/>
              <a:gd name="connsiteY12" fmla="*/ 531137 h 823866"/>
              <a:gd name="connsiteX13" fmla="*/ 220301 w 829901"/>
              <a:gd name="connsiteY13" fmla="*/ 537173 h 823866"/>
              <a:gd name="connsiteX14" fmla="*/ 256515 w 829901"/>
              <a:gd name="connsiteY14" fmla="*/ 561315 h 823866"/>
              <a:gd name="connsiteX15" fmla="*/ 277640 w 829901"/>
              <a:gd name="connsiteY15" fmla="*/ 564333 h 823866"/>
              <a:gd name="connsiteX16" fmla="*/ 292729 w 829901"/>
              <a:gd name="connsiteY16" fmla="*/ 618654 h 823866"/>
              <a:gd name="connsiteX17" fmla="*/ 292729 w 829901"/>
              <a:gd name="connsiteY17" fmla="*/ 636761 h 823866"/>
              <a:gd name="connsiteX18" fmla="*/ 301782 w 829901"/>
              <a:gd name="connsiteY18" fmla="*/ 666939 h 823866"/>
              <a:gd name="connsiteX19" fmla="*/ 298764 w 829901"/>
              <a:gd name="connsiteY19" fmla="*/ 682028 h 823866"/>
              <a:gd name="connsiteX20" fmla="*/ 304800 w 829901"/>
              <a:gd name="connsiteY20" fmla="*/ 697117 h 823866"/>
              <a:gd name="connsiteX21" fmla="*/ 301782 w 829901"/>
              <a:gd name="connsiteY21" fmla="*/ 763509 h 823866"/>
              <a:gd name="connsiteX22" fmla="*/ 337996 w 829901"/>
              <a:gd name="connsiteY22" fmla="*/ 793688 h 823866"/>
              <a:gd name="connsiteX23" fmla="*/ 380246 w 829901"/>
              <a:gd name="connsiteY23" fmla="*/ 808777 h 823866"/>
              <a:gd name="connsiteX24" fmla="*/ 404388 w 829901"/>
              <a:gd name="connsiteY24" fmla="*/ 823866 h 823866"/>
              <a:gd name="connsiteX25" fmla="*/ 473798 w 829901"/>
              <a:gd name="connsiteY25" fmla="*/ 808777 h 823866"/>
              <a:gd name="connsiteX26" fmla="*/ 790669 w 829901"/>
              <a:gd name="connsiteY26" fmla="*/ 751438 h 823866"/>
              <a:gd name="connsiteX27" fmla="*/ 802741 w 829901"/>
              <a:gd name="connsiteY27" fmla="*/ 751438 h 823866"/>
              <a:gd name="connsiteX28" fmla="*/ 802741 w 829901"/>
              <a:gd name="connsiteY28" fmla="*/ 688064 h 823866"/>
              <a:gd name="connsiteX29" fmla="*/ 766527 w 829901"/>
              <a:gd name="connsiteY29" fmla="*/ 579422 h 823866"/>
              <a:gd name="connsiteX30" fmla="*/ 772562 w 829901"/>
              <a:gd name="connsiteY30" fmla="*/ 522084 h 823866"/>
              <a:gd name="connsiteX31" fmla="*/ 757473 w 829901"/>
              <a:gd name="connsiteY31" fmla="*/ 473798 h 823866"/>
              <a:gd name="connsiteX32" fmla="*/ 778598 w 829901"/>
              <a:gd name="connsiteY32" fmla="*/ 443620 h 823866"/>
              <a:gd name="connsiteX33" fmla="*/ 781616 w 829901"/>
              <a:gd name="connsiteY33" fmla="*/ 407406 h 823866"/>
              <a:gd name="connsiteX34" fmla="*/ 772562 w 829901"/>
              <a:gd name="connsiteY34" fmla="*/ 353086 h 823866"/>
              <a:gd name="connsiteX35" fmla="*/ 811794 w 829901"/>
              <a:gd name="connsiteY35" fmla="*/ 292729 h 823866"/>
              <a:gd name="connsiteX36" fmla="*/ 829901 w 829901"/>
              <a:gd name="connsiteY36" fmla="*/ 226337 h 823866"/>
              <a:gd name="connsiteX37" fmla="*/ 823865 w 829901"/>
              <a:gd name="connsiteY37" fmla="*/ 220301 h 823866"/>
              <a:gd name="connsiteX38" fmla="*/ 805758 w 829901"/>
              <a:gd name="connsiteY38" fmla="*/ 235391 h 823866"/>
              <a:gd name="connsiteX39" fmla="*/ 787651 w 829901"/>
              <a:gd name="connsiteY39" fmla="*/ 271604 h 823866"/>
              <a:gd name="connsiteX40" fmla="*/ 769545 w 829901"/>
              <a:gd name="connsiteY40" fmla="*/ 307818 h 823866"/>
              <a:gd name="connsiteX41" fmla="*/ 751438 w 829901"/>
              <a:gd name="connsiteY41" fmla="*/ 316872 h 823866"/>
              <a:gd name="connsiteX42" fmla="*/ 745402 w 829901"/>
              <a:gd name="connsiteY42" fmla="*/ 341014 h 823866"/>
              <a:gd name="connsiteX43" fmla="*/ 727295 w 829901"/>
              <a:gd name="connsiteY43" fmla="*/ 362139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15224 w 829901"/>
              <a:gd name="connsiteY46" fmla="*/ 371193 h 823866"/>
              <a:gd name="connsiteX47" fmla="*/ 721259 w 829901"/>
              <a:gd name="connsiteY47" fmla="*/ 316872 h 823866"/>
              <a:gd name="connsiteX48" fmla="*/ 718242 w 829901"/>
              <a:gd name="connsiteY48" fmla="*/ 301783 h 823866"/>
              <a:gd name="connsiteX49" fmla="*/ 730313 w 829901"/>
              <a:gd name="connsiteY49" fmla="*/ 265569 h 823866"/>
              <a:gd name="connsiteX50" fmla="*/ 727295 w 829901"/>
              <a:gd name="connsiteY50" fmla="*/ 226337 h 823866"/>
              <a:gd name="connsiteX51" fmla="*/ 703152 w 829901"/>
              <a:gd name="connsiteY51" fmla="*/ 193141 h 823866"/>
              <a:gd name="connsiteX52" fmla="*/ 697117 w 829901"/>
              <a:gd name="connsiteY52" fmla="*/ 178052 h 823866"/>
              <a:gd name="connsiteX53" fmla="*/ 706170 w 829901"/>
              <a:gd name="connsiteY53" fmla="*/ 162963 h 823866"/>
              <a:gd name="connsiteX54" fmla="*/ 709188 w 829901"/>
              <a:gd name="connsiteY54" fmla="*/ 147874 h 823866"/>
              <a:gd name="connsiteX55" fmla="*/ 691081 w 829901"/>
              <a:gd name="connsiteY55" fmla="*/ 147874 h 823866"/>
              <a:gd name="connsiteX56" fmla="*/ 672974 w 829901"/>
              <a:gd name="connsiteY56" fmla="*/ 147874 h 823866"/>
              <a:gd name="connsiteX57" fmla="*/ 654867 w 829901"/>
              <a:gd name="connsiteY57" fmla="*/ 117695 h 823866"/>
              <a:gd name="connsiteX58" fmla="*/ 615636 w 829901"/>
              <a:gd name="connsiteY58" fmla="*/ 117695 h 823866"/>
              <a:gd name="connsiteX59" fmla="*/ 564333 w 829901"/>
              <a:gd name="connsiteY59" fmla="*/ 111660 h 823866"/>
              <a:gd name="connsiteX60" fmla="*/ 497941 w 829901"/>
              <a:gd name="connsiteY60" fmla="*/ 99589 h 823866"/>
              <a:gd name="connsiteX61" fmla="*/ 443620 w 829901"/>
              <a:gd name="connsiteY61" fmla="*/ 99589 h 823866"/>
              <a:gd name="connsiteX62" fmla="*/ 401370 w 829901"/>
              <a:gd name="connsiteY62" fmla="*/ 93553 h 823866"/>
              <a:gd name="connsiteX63" fmla="*/ 347049 w 829901"/>
              <a:gd name="connsiteY63" fmla="*/ 72428 h 823866"/>
              <a:gd name="connsiteX64" fmla="*/ 328943 w 829901"/>
              <a:gd name="connsiteY64" fmla="*/ 48286 h 823866"/>
              <a:gd name="connsiteX65" fmla="*/ 250479 w 829901"/>
              <a:gd name="connsiteY65" fmla="*/ 51303 h 823866"/>
              <a:gd name="connsiteX66" fmla="*/ 235390 w 829901"/>
              <a:gd name="connsiteY66" fmla="*/ 0 h 823866"/>
              <a:gd name="connsiteX67" fmla="*/ 168998 w 829901"/>
              <a:gd name="connsiteY67" fmla="*/ 30179 h 823866"/>
              <a:gd name="connsiteX68" fmla="*/ 84499 w 829901"/>
              <a:gd name="connsiteY68" fmla="*/ 33196 h 823866"/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36214 w 829901"/>
              <a:gd name="connsiteY6" fmla="*/ 374210 h 823866"/>
              <a:gd name="connsiteX7" fmla="*/ 27160 w 829901"/>
              <a:gd name="connsiteY7" fmla="*/ 380246 h 823866"/>
              <a:gd name="connsiteX8" fmla="*/ 36214 w 829901"/>
              <a:gd name="connsiteY8" fmla="*/ 446638 h 823866"/>
              <a:gd name="connsiteX9" fmla="*/ 75446 w 829901"/>
              <a:gd name="connsiteY9" fmla="*/ 449656 h 823866"/>
              <a:gd name="connsiteX10" fmla="*/ 102606 w 829901"/>
              <a:gd name="connsiteY10" fmla="*/ 461727 h 823866"/>
              <a:gd name="connsiteX11" fmla="*/ 150891 w 829901"/>
              <a:gd name="connsiteY11" fmla="*/ 476816 h 823866"/>
              <a:gd name="connsiteX12" fmla="*/ 190123 w 829901"/>
              <a:gd name="connsiteY12" fmla="*/ 531137 h 823866"/>
              <a:gd name="connsiteX13" fmla="*/ 220301 w 829901"/>
              <a:gd name="connsiteY13" fmla="*/ 537173 h 823866"/>
              <a:gd name="connsiteX14" fmla="*/ 249361 w 829901"/>
              <a:gd name="connsiteY14" fmla="*/ 585126 h 823866"/>
              <a:gd name="connsiteX15" fmla="*/ 277640 w 829901"/>
              <a:gd name="connsiteY15" fmla="*/ 564333 h 823866"/>
              <a:gd name="connsiteX16" fmla="*/ 292729 w 829901"/>
              <a:gd name="connsiteY16" fmla="*/ 618654 h 823866"/>
              <a:gd name="connsiteX17" fmla="*/ 292729 w 829901"/>
              <a:gd name="connsiteY17" fmla="*/ 636761 h 823866"/>
              <a:gd name="connsiteX18" fmla="*/ 301782 w 829901"/>
              <a:gd name="connsiteY18" fmla="*/ 666939 h 823866"/>
              <a:gd name="connsiteX19" fmla="*/ 298764 w 829901"/>
              <a:gd name="connsiteY19" fmla="*/ 682028 h 823866"/>
              <a:gd name="connsiteX20" fmla="*/ 304800 w 829901"/>
              <a:gd name="connsiteY20" fmla="*/ 697117 h 823866"/>
              <a:gd name="connsiteX21" fmla="*/ 301782 w 829901"/>
              <a:gd name="connsiteY21" fmla="*/ 763509 h 823866"/>
              <a:gd name="connsiteX22" fmla="*/ 337996 w 829901"/>
              <a:gd name="connsiteY22" fmla="*/ 793688 h 823866"/>
              <a:gd name="connsiteX23" fmla="*/ 380246 w 829901"/>
              <a:gd name="connsiteY23" fmla="*/ 808777 h 823866"/>
              <a:gd name="connsiteX24" fmla="*/ 404388 w 829901"/>
              <a:gd name="connsiteY24" fmla="*/ 823866 h 823866"/>
              <a:gd name="connsiteX25" fmla="*/ 473798 w 829901"/>
              <a:gd name="connsiteY25" fmla="*/ 808777 h 823866"/>
              <a:gd name="connsiteX26" fmla="*/ 790669 w 829901"/>
              <a:gd name="connsiteY26" fmla="*/ 751438 h 823866"/>
              <a:gd name="connsiteX27" fmla="*/ 802741 w 829901"/>
              <a:gd name="connsiteY27" fmla="*/ 751438 h 823866"/>
              <a:gd name="connsiteX28" fmla="*/ 802741 w 829901"/>
              <a:gd name="connsiteY28" fmla="*/ 688064 h 823866"/>
              <a:gd name="connsiteX29" fmla="*/ 766527 w 829901"/>
              <a:gd name="connsiteY29" fmla="*/ 579422 h 823866"/>
              <a:gd name="connsiteX30" fmla="*/ 772562 w 829901"/>
              <a:gd name="connsiteY30" fmla="*/ 522084 h 823866"/>
              <a:gd name="connsiteX31" fmla="*/ 757473 w 829901"/>
              <a:gd name="connsiteY31" fmla="*/ 473798 h 823866"/>
              <a:gd name="connsiteX32" fmla="*/ 778598 w 829901"/>
              <a:gd name="connsiteY32" fmla="*/ 443620 h 823866"/>
              <a:gd name="connsiteX33" fmla="*/ 781616 w 829901"/>
              <a:gd name="connsiteY33" fmla="*/ 407406 h 823866"/>
              <a:gd name="connsiteX34" fmla="*/ 772562 w 829901"/>
              <a:gd name="connsiteY34" fmla="*/ 353086 h 823866"/>
              <a:gd name="connsiteX35" fmla="*/ 811794 w 829901"/>
              <a:gd name="connsiteY35" fmla="*/ 292729 h 823866"/>
              <a:gd name="connsiteX36" fmla="*/ 829901 w 829901"/>
              <a:gd name="connsiteY36" fmla="*/ 226337 h 823866"/>
              <a:gd name="connsiteX37" fmla="*/ 823865 w 829901"/>
              <a:gd name="connsiteY37" fmla="*/ 220301 h 823866"/>
              <a:gd name="connsiteX38" fmla="*/ 805758 w 829901"/>
              <a:gd name="connsiteY38" fmla="*/ 235391 h 823866"/>
              <a:gd name="connsiteX39" fmla="*/ 787651 w 829901"/>
              <a:gd name="connsiteY39" fmla="*/ 271604 h 823866"/>
              <a:gd name="connsiteX40" fmla="*/ 769545 w 829901"/>
              <a:gd name="connsiteY40" fmla="*/ 307818 h 823866"/>
              <a:gd name="connsiteX41" fmla="*/ 751438 w 829901"/>
              <a:gd name="connsiteY41" fmla="*/ 316872 h 823866"/>
              <a:gd name="connsiteX42" fmla="*/ 745402 w 829901"/>
              <a:gd name="connsiteY42" fmla="*/ 341014 h 823866"/>
              <a:gd name="connsiteX43" fmla="*/ 727295 w 829901"/>
              <a:gd name="connsiteY43" fmla="*/ 362139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15224 w 829901"/>
              <a:gd name="connsiteY46" fmla="*/ 371193 h 823866"/>
              <a:gd name="connsiteX47" fmla="*/ 721259 w 829901"/>
              <a:gd name="connsiteY47" fmla="*/ 316872 h 823866"/>
              <a:gd name="connsiteX48" fmla="*/ 718242 w 829901"/>
              <a:gd name="connsiteY48" fmla="*/ 301783 h 823866"/>
              <a:gd name="connsiteX49" fmla="*/ 730313 w 829901"/>
              <a:gd name="connsiteY49" fmla="*/ 265569 h 823866"/>
              <a:gd name="connsiteX50" fmla="*/ 727295 w 829901"/>
              <a:gd name="connsiteY50" fmla="*/ 226337 h 823866"/>
              <a:gd name="connsiteX51" fmla="*/ 703152 w 829901"/>
              <a:gd name="connsiteY51" fmla="*/ 193141 h 823866"/>
              <a:gd name="connsiteX52" fmla="*/ 697117 w 829901"/>
              <a:gd name="connsiteY52" fmla="*/ 178052 h 823866"/>
              <a:gd name="connsiteX53" fmla="*/ 706170 w 829901"/>
              <a:gd name="connsiteY53" fmla="*/ 162963 h 823866"/>
              <a:gd name="connsiteX54" fmla="*/ 709188 w 829901"/>
              <a:gd name="connsiteY54" fmla="*/ 147874 h 823866"/>
              <a:gd name="connsiteX55" fmla="*/ 691081 w 829901"/>
              <a:gd name="connsiteY55" fmla="*/ 147874 h 823866"/>
              <a:gd name="connsiteX56" fmla="*/ 672974 w 829901"/>
              <a:gd name="connsiteY56" fmla="*/ 147874 h 823866"/>
              <a:gd name="connsiteX57" fmla="*/ 654867 w 829901"/>
              <a:gd name="connsiteY57" fmla="*/ 117695 h 823866"/>
              <a:gd name="connsiteX58" fmla="*/ 615636 w 829901"/>
              <a:gd name="connsiteY58" fmla="*/ 117695 h 823866"/>
              <a:gd name="connsiteX59" fmla="*/ 564333 w 829901"/>
              <a:gd name="connsiteY59" fmla="*/ 111660 h 823866"/>
              <a:gd name="connsiteX60" fmla="*/ 497941 w 829901"/>
              <a:gd name="connsiteY60" fmla="*/ 99589 h 823866"/>
              <a:gd name="connsiteX61" fmla="*/ 443620 w 829901"/>
              <a:gd name="connsiteY61" fmla="*/ 99589 h 823866"/>
              <a:gd name="connsiteX62" fmla="*/ 401370 w 829901"/>
              <a:gd name="connsiteY62" fmla="*/ 93553 h 823866"/>
              <a:gd name="connsiteX63" fmla="*/ 347049 w 829901"/>
              <a:gd name="connsiteY63" fmla="*/ 72428 h 823866"/>
              <a:gd name="connsiteX64" fmla="*/ 328943 w 829901"/>
              <a:gd name="connsiteY64" fmla="*/ 48286 h 823866"/>
              <a:gd name="connsiteX65" fmla="*/ 250479 w 829901"/>
              <a:gd name="connsiteY65" fmla="*/ 51303 h 823866"/>
              <a:gd name="connsiteX66" fmla="*/ 235390 w 829901"/>
              <a:gd name="connsiteY66" fmla="*/ 0 h 823866"/>
              <a:gd name="connsiteX67" fmla="*/ 168998 w 829901"/>
              <a:gd name="connsiteY67" fmla="*/ 30179 h 823866"/>
              <a:gd name="connsiteX68" fmla="*/ 84499 w 829901"/>
              <a:gd name="connsiteY68" fmla="*/ 33196 h 823866"/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36214 w 829901"/>
              <a:gd name="connsiteY6" fmla="*/ 374210 h 823866"/>
              <a:gd name="connsiteX7" fmla="*/ 27160 w 829901"/>
              <a:gd name="connsiteY7" fmla="*/ 380246 h 823866"/>
              <a:gd name="connsiteX8" fmla="*/ 36214 w 829901"/>
              <a:gd name="connsiteY8" fmla="*/ 446638 h 823866"/>
              <a:gd name="connsiteX9" fmla="*/ 75446 w 829901"/>
              <a:gd name="connsiteY9" fmla="*/ 449656 h 823866"/>
              <a:gd name="connsiteX10" fmla="*/ 102606 w 829901"/>
              <a:gd name="connsiteY10" fmla="*/ 461727 h 823866"/>
              <a:gd name="connsiteX11" fmla="*/ 150891 w 829901"/>
              <a:gd name="connsiteY11" fmla="*/ 476816 h 823866"/>
              <a:gd name="connsiteX12" fmla="*/ 175815 w 829901"/>
              <a:gd name="connsiteY12" fmla="*/ 538280 h 823866"/>
              <a:gd name="connsiteX13" fmla="*/ 220301 w 829901"/>
              <a:gd name="connsiteY13" fmla="*/ 537173 h 823866"/>
              <a:gd name="connsiteX14" fmla="*/ 249361 w 829901"/>
              <a:gd name="connsiteY14" fmla="*/ 585126 h 823866"/>
              <a:gd name="connsiteX15" fmla="*/ 277640 w 829901"/>
              <a:gd name="connsiteY15" fmla="*/ 564333 h 823866"/>
              <a:gd name="connsiteX16" fmla="*/ 292729 w 829901"/>
              <a:gd name="connsiteY16" fmla="*/ 618654 h 823866"/>
              <a:gd name="connsiteX17" fmla="*/ 292729 w 829901"/>
              <a:gd name="connsiteY17" fmla="*/ 636761 h 823866"/>
              <a:gd name="connsiteX18" fmla="*/ 301782 w 829901"/>
              <a:gd name="connsiteY18" fmla="*/ 666939 h 823866"/>
              <a:gd name="connsiteX19" fmla="*/ 298764 w 829901"/>
              <a:gd name="connsiteY19" fmla="*/ 682028 h 823866"/>
              <a:gd name="connsiteX20" fmla="*/ 304800 w 829901"/>
              <a:gd name="connsiteY20" fmla="*/ 697117 h 823866"/>
              <a:gd name="connsiteX21" fmla="*/ 301782 w 829901"/>
              <a:gd name="connsiteY21" fmla="*/ 763509 h 823866"/>
              <a:gd name="connsiteX22" fmla="*/ 337996 w 829901"/>
              <a:gd name="connsiteY22" fmla="*/ 793688 h 823866"/>
              <a:gd name="connsiteX23" fmla="*/ 380246 w 829901"/>
              <a:gd name="connsiteY23" fmla="*/ 808777 h 823866"/>
              <a:gd name="connsiteX24" fmla="*/ 404388 w 829901"/>
              <a:gd name="connsiteY24" fmla="*/ 823866 h 823866"/>
              <a:gd name="connsiteX25" fmla="*/ 473798 w 829901"/>
              <a:gd name="connsiteY25" fmla="*/ 808777 h 823866"/>
              <a:gd name="connsiteX26" fmla="*/ 790669 w 829901"/>
              <a:gd name="connsiteY26" fmla="*/ 751438 h 823866"/>
              <a:gd name="connsiteX27" fmla="*/ 802741 w 829901"/>
              <a:gd name="connsiteY27" fmla="*/ 751438 h 823866"/>
              <a:gd name="connsiteX28" fmla="*/ 802741 w 829901"/>
              <a:gd name="connsiteY28" fmla="*/ 688064 h 823866"/>
              <a:gd name="connsiteX29" fmla="*/ 766527 w 829901"/>
              <a:gd name="connsiteY29" fmla="*/ 579422 h 823866"/>
              <a:gd name="connsiteX30" fmla="*/ 772562 w 829901"/>
              <a:gd name="connsiteY30" fmla="*/ 522084 h 823866"/>
              <a:gd name="connsiteX31" fmla="*/ 757473 w 829901"/>
              <a:gd name="connsiteY31" fmla="*/ 473798 h 823866"/>
              <a:gd name="connsiteX32" fmla="*/ 778598 w 829901"/>
              <a:gd name="connsiteY32" fmla="*/ 443620 h 823866"/>
              <a:gd name="connsiteX33" fmla="*/ 781616 w 829901"/>
              <a:gd name="connsiteY33" fmla="*/ 407406 h 823866"/>
              <a:gd name="connsiteX34" fmla="*/ 772562 w 829901"/>
              <a:gd name="connsiteY34" fmla="*/ 353086 h 823866"/>
              <a:gd name="connsiteX35" fmla="*/ 811794 w 829901"/>
              <a:gd name="connsiteY35" fmla="*/ 292729 h 823866"/>
              <a:gd name="connsiteX36" fmla="*/ 829901 w 829901"/>
              <a:gd name="connsiteY36" fmla="*/ 226337 h 823866"/>
              <a:gd name="connsiteX37" fmla="*/ 823865 w 829901"/>
              <a:gd name="connsiteY37" fmla="*/ 220301 h 823866"/>
              <a:gd name="connsiteX38" fmla="*/ 805758 w 829901"/>
              <a:gd name="connsiteY38" fmla="*/ 235391 h 823866"/>
              <a:gd name="connsiteX39" fmla="*/ 787651 w 829901"/>
              <a:gd name="connsiteY39" fmla="*/ 271604 h 823866"/>
              <a:gd name="connsiteX40" fmla="*/ 769545 w 829901"/>
              <a:gd name="connsiteY40" fmla="*/ 307818 h 823866"/>
              <a:gd name="connsiteX41" fmla="*/ 751438 w 829901"/>
              <a:gd name="connsiteY41" fmla="*/ 316872 h 823866"/>
              <a:gd name="connsiteX42" fmla="*/ 745402 w 829901"/>
              <a:gd name="connsiteY42" fmla="*/ 341014 h 823866"/>
              <a:gd name="connsiteX43" fmla="*/ 727295 w 829901"/>
              <a:gd name="connsiteY43" fmla="*/ 362139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15224 w 829901"/>
              <a:gd name="connsiteY46" fmla="*/ 371193 h 823866"/>
              <a:gd name="connsiteX47" fmla="*/ 721259 w 829901"/>
              <a:gd name="connsiteY47" fmla="*/ 316872 h 823866"/>
              <a:gd name="connsiteX48" fmla="*/ 718242 w 829901"/>
              <a:gd name="connsiteY48" fmla="*/ 301783 h 823866"/>
              <a:gd name="connsiteX49" fmla="*/ 730313 w 829901"/>
              <a:gd name="connsiteY49" fmla="*/ 265569 h 823866"/>
              <a:gd name="connsiteX50" fmla="*/ 727295 w 829901"/>
              <a:gd name="connsiteY50" fmla="*/ 226337 h 823866"/>
              <a:gd name="connsiteX51" fmla="*/ 703152 w 829901"/>
              <a:gd name="connsiteY51" fmla="*/ 193141 h 823866"/>
              <a:gd name="connsiteX52" fmla="*/ 697117 w 829901"/>
              <a:gd name="connsiteY52" fmla="*/ 178052 h 823866"/>
              <a:gd name="connsiteX53" fmla="*/ 706170 w 829901"/>
              <a:gd name="connsiteY53" fmla="*/ 162963 h 823866"/>
              <a:gd name="connsiteX54" fmla="*/ 709188 w 829901"/>
              <a:gd name="connsiteY54" fmla="*/ 147874 h 823866"/>
              <a:gd name="connsiteX55" fmla="*/ 691081 w 829901"/>
              <a:gd name="connsiteY55" fmla="*/ 147874 h 823866"/>
              <a:gd name="connsiteX56" fmla="*/ 672974 w 829901"/>
              <a:gd name="connsiteY56" fmla="*/ 147874 h 823866"/>
              <a:gd name="connsiteX57" fmla="*/ 654867 w 829901"/>
              <a:gd name="connsiteY57" fmla="*/ 117695 h 823866"/>
              <a:gd name="connsiteX58" fmla="*/ 615636 w 829901"/>
              <a:gd name="connsiteY58" fmla="*/ 117695 h 823866"/>
              <a:gd name="connsiteX59" fmla="*/ 564333 w 829901"/>
              <a:gd name="connsiteY59" fmla="*/ 111660 h 823866"/>
              <a:gd name="connsiteX60" fmla="*/ 497941 w 829901"/>
              <a:gd name="connsiteY60" fmla="*/ 99589 h 823866"/>
              <a:gd name="connsiteX61" fmla="*/ 443620 w 829901"/>
              <a:gd name="connsiteY61" fmla="*/ 99589 h 823866"/>
              <a:gd name="connsiteX62" fmla="*/ 401370 w 829901"/>
              <a:gd name="connsiteY62" fmla="*/ 93553 h 823866"/>
              <a:gd name="connsiteX63" fmla="*/ 347049 w 829901"/>
              <a:gd name="connsiteY63" fmla="*/ 72428 h 823866"/>
              <a:gd name="connsiteX64" fmla="*/ 328943 w 829901"/>
              <a:gd name="connsiteY64" fmla="*/ 48286 h 823866"/>
              <a:gd name="connsiteX65" fmla="*/ 250479 w 829901"/>
              <a:gd name="connsiteY65" fmla="*/ 51303 h 823866"/>
              <a:gd name="connsiteX66" fmla="*/ 235390 w 829901"/>
              <a:gd name="connsiteY66" fmla="*/ 0 h 823866"/>
              <a:gd name="connsiteX67" fmla="*/ 168998 w 829901"/>
              <a:gd name="connsiteY67" fmla="*/ 30179 h 823866"/>
              <a:gd name="connsiteX68" fmla="*/ 84499 w 829901"/>
              <a:gd name="connsiteY68" fmla="*/ 33196 h 823866"/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36214 w 829901"/>
              <a:gd name="connsiteY6" fmla="*/ 374210 h 823866"/>
              <a:gd name="connsiteX7" fmla="*/ 27160 w 829901"/>
              <a:gd name="connsiteY7" fmla="*/ 380246 h 823866"/>
              <a:gd name="connsiteX8" fmla="*/ 36214 w 829901"/>
              <a:gd name="connsiteY8" fmla="*/ 446638 h 823866"/>
              <a:gd name="connsiteX9" fmla="*/ 75446 w 829901"/>
              <a:gd name="connsiteY9" fmla="*/ 449656 h 823866"/>
              <a:gd name="connsiteX10" fmla="*/ 102606 w 829901"/>
              <a:gd name="connsiteY10" fmla="*/ 461727 h 823866"/>
              <a:gd name="connsiteX11" fmla="*/ 138967 w 829901"/>
              <a:gd name="connsiteY11" fmla="*/ 486341 h 823866"/>
              <a:gd name="connsiteX12" fmla="*/ 175815 w 829901"/>
              <a:gd name="connsiteY12" fmla="*/ 538280 h 823866"/>
              <a:gd name="connsiteX13" fmla="*/ 220301 w 829901"/>
              <a:gd name="connsiteY13" fmla="*/ 537173 h 823866"/>
              <a:gd name="connsiteX14" fmla="*/ 249361 w 829901"/>
              <a:gd name="connsiteY14" fmla="*/ 585126 h 823866"/>
              <a:gd name="connsiteX15" fmla="*/ 277640 w 829901"/>
              <a:gd name="connsiteY15" fmla="*/ 564333 h 823866"/>
              <a:gd name="connsiteX16" fmla="*/ 292729 w 829901"/>
              <a:gd name="connsiteY16" fmla="*/ 618654 h 823866"/>
              <a:gd name="connsiteX17" fmla="*/ 292729 w 829901"/>
              <a:gd name="connsiteY17" fmla="*/ 636761 h 823866"/>
              <a:gd name="connsiteX18" fmla="*/ 301782 w 829901"/>
              <a:gd name="connsiteY18" fmla="*/ 666939 h 823866"/>
              <a:gd name="connsiteX19" fmla="*/ 298764 w 829901"/>
              <a:gd name="connsiteY19" fmla="*/ 682028 h 823866"/>
              <a:gd name="connsiteX20" fmla="*/ 304800 w 829901"/>
              <a:gd name="connsiteY20" fmla="*/ 697117 h 823866"/>
              <a:gd name="connsiteX21" fmla="*/ 301782 w 829901"/>
              <a:gd name="connsiteY21" fmla="*/ 763509 h 823866"/>
              <a:gd name="connsiteX22" fmla="*/ 337996 w 829901"/>
              <a:gd name="connsiteY22" fmla="*/ 793688 h 823866"/>
              <a:gd name="connsiteX23" fmla="*/ 380246 w 829901"/>
              <a:gd name="connsiteY23" fmla="*/ 808777 h 823866"/>
              <a:gd name="connsiteX24" fmla="*/ 404388 w 829901"/>
              <a:gd name="connsiteY24" fmla="*/ 823866 h 823866"/>
              <a:gd name="connsiteX25" fmla="*/ 473798 w 829901"/>
              <a:gd name="connsiteY25" fmla="*/ 808777 h 823866"/>
              <a:gd name="connsiteX26" fmla="*/ 790669 w 829901"/>
              <a:gd name="connsiteY26" fmla="*/ 751438 h 823866"/>
              <a:gd name="connsiteX27" fmla="*/ 802741 w 829901"/>
              <a:gd name="connsiteY27" fmla="*/ 751438 h 823866"/>
              <a:gd name="connsiteX28" fmla="*/ 802741 w 829901"/>
              <a:gd name="connsiteY28" fmla="*/ 688064 h 823866"/>
              <a:gd name="connsiteX29" fmla="*/ 766527 w 829901"/>
              <a:gd name="connsiteY29" fmla="*/ 579422 h 823866"/>
              <a:gd name="connsiteX30" fmla="*/ 772562 w 829901"/>
              <a:gd name="connsiteY30" fmla="*/ 522084 h 823866"/>
              <a:gd name="connsiteX31" fmla="*/ 757473 w 829901"/>
              <a:gd name="connsiteY31" fmla="*/ 473798 h 823866"/>
              <a:gd name="connsiteX32" fmla="*/ 778598 w 829901"/>
              <a:gd name="connsiteY32" fmla="*/ 443620 h 823866"/>
              <a:gd name="connsiteX33" fmla="*/ 781616 w 829901"/>
              <a:gd name="connsiteY33" fmla="*/ 407406 h 823866"/>
              <a:gd name="connsiteX34" fmla="*/ 772562 w 829901"/>
              <a:gd name="connsiteY34" fmla="*/ 353086 h 823866"/>
              <a:gd name="connsiteX35" fmla="*/ 811794 w 829901"/>
              <a:gd name="connsiteY35" fmla="*/ 292729 h 823866"/>
              <a:gd name="connsiteX36" fmla="*/ 829901 w 829901"/>
              <a:gd name="connsiteY36" fmla="*/ 226337 h 823866"/>
              <a:gd name="connsiteX37" fmla="*/ 823865 w 829901"/>
              <a:gd name="connsiteY37" fmla="*/ 220301 h 823866"/>
              <a:gd name="connsiteX38" fmla="*/ 805758 w 829901"/>
              <a:gd name="connsiteY38" fmla="*/ 235391 h 823866"/>
              <a:gd name="connsiteX39" fmla="*/ 787651 w 829901"/>
              <a:gd name="connsiteY39" fmla="*/ 271604 h 823866"/>
              <a:gd name="connsiteX40" fmla="*/ 769545 w 829901"/>
              <a:gd name="connsiteY40" fmla="*/ 307818 h 823866"/>
              <a:gd name="connsiteX41" fmla="*/ 751438 w 829901"/>
              <a:gd name="connsiteY41" fmla="*/ 316872 h 823866"/>
              <a:gd name="connsiteX42" fmla="*/ 745402 w 829901"/>
              <a:gd name="connsiteY42" fmla="*/ 341014 h 823866"/>
              <a:gd name="connsiteX43" fmla="*/ 727295 w 829901"/>
              <a:gd name="connsiteY43" fmla="*/ 362139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15224 w 829901"/>
              <a:gd name="connsiteY46" fmla="*/ 371193 h 823866"/>
              <a:gd name="connsiteX47" fmla="*/ 721259 w 829901"/>
              <a:gd name="connsiteY47" fmla="*/ 316872 h 823866"/>
              <a:gd name="connsiteX48" fmla="*/ 718242 w 829901"/>
              <a:gd name="connsiteY48" fmla="*/ 301783 h 823866"/>
              <a:gd name="connsiteX49" fmla="*/ 730313 w 829901"/>
              <a:gd name="connsiteY49" fmla="*/ 265569 h 823866"/>
              <a:gd name="connsiteX50" fmla="*/ 727295 w 829901"/>
              <a:gd name="connsiteY50" fmla="*/ 226337 h 823866"/>
              <a:gd name="connsiteX51" fmla="*/ 703152 w 829901"/>
              <a:gd name="connsiteY51" fmla="*/ 193141 h 823866"/>
              <a:gd name="connsiteX52" fmla="*/ 697117 w 829901"/>
              <a:gd name="connsiteY52" fmla="*/ 178052 h 823866"/>
              <a:gd name="connsiteX53" fmla="*/ 706170 w 829901"/>
              <a:gd name="connsiteY53" fmla="*/ 162963 h 823866"/>
              <a:gd name="connsiteX54" fmla="*/ 709188 w 829901"/>
              <a:gd name="connsiteY54" fmla="*/ 147874 h 823866"/>
              <a:gd name="connsiteX55" fmla="*/ 691081 w 829901"/>
              <a:gd name="connsiteY55" fmla="*/ 147874 h 823866"/>
              <a:gd name="connsiteX56" fmla="*/ 672974 w 829901"/>
              <a:gd name="connsiteY56" fmla="*/ 147874 h 823866"/>
              <a:gd name="connsiteX57" fmla="*/ 654867 w 829901"/>
              <a:gd name="connsiteY57" fmla="*/ 117695 h 823866"/>
              <a:gd name="connsiteX58" fmla="*/ 615636 w 829901"/>
              <a:gd name="connsiteY58" fmla="*/ 117695 h 823866"/>
              <a:gd name="connsiteX59" fmla="*/ 564333 w 829901"/>
              <a:gd name="connsiteY59" fmla="*/ 111660 h 823866"/>
              <a:gd name="connsiteX60" fmla="*/ 497941 w 829901"/>
              <a:gd name="connsiteY60" fmla="*/ 99589 h 823866"/>
              <a:gd name="connsiteX61" fmla="*/ 443620 w 829901"/>
              <a:gd name="connsiteY61" fmla="*/ 99589 h 823866"/>
              <a:gd name="connsiteX62" fmla="*/ 401370 w 829901"/>
              <a:gd name="connsiteY62" fmla="*/ 93553 h 823866"/>
              <a:gd name="connsiteX63" fmla="*/ 347049 w 829901"/>
              <a:gd name="connsiteY63" fmla="*/ 72428 h 823866"/>
              <a:gd name="connsiteX64" fmla="*/ 328943 w 829901"/>
              <a:gd name="connsiteY64" fmla="*/ 48286 h 823866"/>
              <a:gd name="connsiteX65" fmla="*/ 250479 w 829901"/>
              <a:gd name="connsiteY65" fmla="*/ 51303 h 823866"/>
              <a:gd name="connsiteX66" fmla="*/ 235390 w 829901"/>
              <a:gd name="connsiteY66" fmla="*/ 0 h 823866"/>
              <a:gd name="connsiteX67" fmla="*/ 168998 w 829901"/>
              <a:gd name="connsiteY67" fmla="*/ 30179 h 823866"/>
              <a:gd name="connsiteX68" fmla="*/ 84499 w 829901"/>
              <a:gd name="connsiteY68" fmla="*/ 33196 h 823866"/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36214 w 829901"/>
              <a:gd name="connsiteY6" fmla="*/ 374210 h 823866"/>
              <a:gd name="connsiteX7" fmla="*/ 27160 w 829901"/>
              <a:gd name="connsiteY7" fmla="*/ 380246 h 823866"/>
              <a:gd name="connsiteX8" fmla="*/ 36214 w 829901"/>
              <a:gd name="connsiteY8" fmla="*/ 446638 h 823866"/>
              <a:gd name="connsiteX9" fmla="*/ 75446 w 829901"/>
              <a:gd name="connsiteY9" fmla="*/ 449656 h 823866"/>
              <a:gd name="connsiteX10" fmla="*/ 100221 w 829901"/>
              <a:gd name="connsiteY10" fmla="*/ 468870 h 823866"/>
              <a:gd name="connsiteX11" fmla="*/ 138967 w 829901"/>
              <a:gd name="connsiteY11" fmla="*/ 486341 h 823866"/>
              <a:gd name="connsiteX12" fmla="*/ 175815 w 829901"/>
              <a:gd name="connsiteY12" fmla="*/ 538280 h 823866"/>
              <a:gd name="connsiteX13" fmla="*/ 220301 w 829901"/>
              <a:gd name="connsiteY13" fmla="*/ 537173 h 823866"/>
              <a:gd name="connsiteX14" fmla="*/ 249361 w 829901"/>
              <a:gd name="connsiteY14" fmla="*/ 585126 h 823866"/>
              <a:gd name="connsiteX15" fmla="*/ 277640 w 829901"/>
              <a:gd name="connsiteY15" fmla="*/ 564333 h 823866"/>
              <a:gd name="connsiteX16" fmla="*/ 292729 w 829901"/>
              <a:gd name="connsiteY16" fmla="*/ 618654 h 823866"/>
              <a:gd name="connsiteX17" fmla="*/ 292729 w 829901"/>
              <a:gd name="connsiteY17" fmla="*/ 636761 h 823866"/>
              <a:gd name="connsiteX18" fmla="*/ 301782 w 829901"/>
              <a:gd name="connsiteY18" fmla="*/ 666939 h 823866"/>
              <a:gd name="connsiteX19" fmla="*/ 298764 w 829901"/>
              <a:gd name="connsiteY19" fmla="*/ 682028 h 823866"/>
              <a:gd name="connsiteX20" fmla="*/ 304800 w 829901"/>
              <a:gd name="connsiteY20" fmla="*/ 697117 h 823866"/>
              <a:gd name="connsiteX21" fmla="*/ 301782 w 829901"/>
              <a:gd name="connsiteY21" fmla="*/ 763509 h 823866"/>
              <a:gd name="connsiteX22" fmla="*/ 337996 w 829901"/>
              <a:gd name="connsiteY22" fmla="*/ 793688 h 823866"/>
              <a:gd name="connsiteX23" fmla="*/ 380246 w 829901"/>
              <a:gd name="connsiteY23" fmla="*/ 808777 h 823866"/>
              <a:gd name="connsiteX24" fmla="*/ 404388 w 829901"/>
              <a:gd name="connsiteY24" fmla="*/ 823866 h 823866"/>
              <a:gd name="connsiteX25" fmla="*/ 473798 w 829901"/>
              <a:gd name="connsiteY25" fmla="*/ 808777 h 823866"/>
              <a:gd name="connsiteX26" fmla="*/ 790669 w 829901"/>
              <a:gd name="connsiteY26" fmla="*/ 751438 h 823866"/>
              <a:gd name="connsiteX27" fmla="*/ 802741 w 829901"/>
              <a:gd name="connsiteY27" fmla="*/ 751438 h 823866"/>
              <a:gd name="connsiteX28" fmla="*/ 802741 w 829901"/>
              <a:gd name="connsiteY28" fmla="*/ 688064 h 823866"/>
              <a:gd name="connsiteX29" fmla="*/ 766527 w 829901"/>
              <a:gd name="connsiteY29" fmla="*/ 579422 h 823866"/>
              <a:gd name="connsiteX30" fmla="*/ 772562 w 829901"/>
              <a:gd name="connsiteY30" fmla="*/ 522084 h 823866"/>
              <a:gd name="connsiteX31" fmla="*/ 757473 w 829901"/>
              <a:gd name="connsiteY31" fmla="*/ 473798 h 823866"/>
              <a:gd name="connsiteX32" fmla="*/ 778598 w 829901"/>
              <a:gd name="connsiteY32" fmla="*/ 443620 h 823866"/>
              <a:gd name="connsiteX33" fmla="*/ 781616 w 829901"/>
              <a:gd name="connsiteY33" fmla="*/ 407406 h 823866"/>
              <a:gd name="connsiteX34" fmla="*/ 772562 w 829901"/>
              <a:gd name="connsiteY34" fmla="*/ 353086 h 823866"/>
              <a:gd name="connsiteX35" fmla="*/ 811794 w 829901"/>
              <a:gd name="connsiteY35" fmla="*/ 292729 h 823866"/>
              <a:gd name="connsiteX36" fmla="*/ 829901 w 829901"/>
              <a:gd name="connsiteY36" fmla="*/ 226337 h 823866"/>
              <a:gd name="connsiteX37" fmla="*/ 823865 w 829901"/>
              <a:gd name="connsiteY37" fmla="*/ 220301 h 823866"/>
              <a:gd name="connsiteX38" fmla="*/ 805758 w 829901"/>
              <a:gd name="connsiteY38" fmla="*/ 235391 h 823866"/>
              <a:gd name="connsiteX39" fmla="*/ 787651 w 829901"/>
              <a:gd name="connsiteY39" fmla="*/ 271604 h 823866"/>
              <a:gd name="connsiteX40" fmla="*/ 769545 w 829901"/>
              <a:gd name="connsiteY40" fmla="*/ 307818 h 823866"/>
              <a:gd name="connsiteX41" fmla="*/ 751438 w 829901"/>
              <a:gd name="connsiteY41" fmla="*/ 316872 h 823866"/>
              <a:gd name="connsiteX42" fmla="*/ 745402 w 829901"/>
              <a:gd name="connsiteY42" fmla="*/ 341014 h 823866"/>
              <a:gd name="connsiteX43" fmla="*/ 727295 w 829901"/>
              <a:gd name="connsiteY43" fmla="*/ 362139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15224 w 829901"/>
              <a:gd name="connsiteY46" fmla="*/ 371193 h 823866"/>
              <a:gd name="connsiteX47" fmla="*/ 721259 w 829901"/>
              <a:gd name="connsiteY47" fmla="*/ 316872 h 823866"/>
              <a:gd name="connsiteX48" fmla="*/ 718242 w 829901"/>
              <a:gd name="connsiteY48" fmla="*/ 301783 h 823866"/>
              <a:gd name="connsiteX49" fmla="*/ 730313 w 829901"/>
              <a:gd name="connsiteY49" fmla="*/ 265569 h 823866"/>
              <a:gd name="connsiteX50" fmla="*/ 727295 w 829901"/>
              <a:gd name="connsiteY50" fmla="*/ 226337 h 823866"/>
              <a:gd name="connsiteX51" fmla="*/ 703152 w 829901"/>
              <a:gd name="connsiteY51" fmla="*/ 193141 h 823866"/>
              <a:gd name="connsiteX52" fmla="*/ 697117 w 829901"/>
              <a:gd name="connsiteY52" fmla="*/ 178052 h 823866"/>
              <a:gd name="connsiteX53" fmla="*/ 706170 w 829901"/>
              <a:gd name="connsiteY53" fmla="*/ 162963 h 823866"/>
              <a:gd name="connsiteX54" fmla="*/ 709188 w 829901"/>
              <a:gd name="connsiteY54" fmla="*/ 147874 h 823866"/>
              <a:gd name="connsiteX55" fmla="*/ 691081 w 829901"/>
              <a:gd name="connsiteY55" fmla="*/ 147874 h 823866"/>
              <a:gd name="connsiteX56" fmla="*/ 672974 w 829901"/>
              <a:gd name="connsiteY56" fmla="*/ 147874 h 823866"/>
              <a:gd name="connsiteX57" fmla="*/ 654867 w 829901"/>
              <a:gd name="connsiteY57" fmla="*/ 117695 h 823866"/>
              <a:gd name="connsiteX58" fmla="*/ 615636 w 829901"/>
              <a:gd name="connsiteY58" fmla="*/ 117695 h 823866"/>
              <a:gd name="connsiteX59" fmla="*/ 564333 w 829901"/>
              <a:gd name="connsiteY59" fmla="*/ 111660 h 823866"/>
              <a:gd name="connsiteX60" fmla="*/ 497941 w 829901"/>
              <a:gd name="connsiteY60" fmla="*/ 99589 h 823866"/>
              <a:gd name="connsiteX61" fmla="*/ 443620 w 829901"/>
              <a:gd name="connsiteY61" fmla="*/ 99589 h 823866"/>
              <a:gd name="connsiteX62" fmla="*/ 401370 w 829901"/>
              <a:gd name="connsiteY62" fmla="*/ 93553 h 823866"/>
              <a:gd name="connsiteX63" fmla="*/ 347049 w 829901"/>
              <a:gd name="connsiteY63" fmla="*/ 72428 h 823866"/>
              <a:gd name="connsiteX64" fmla="*/ 328943 w 829901"/>
              <a:gd name="connsiteY64" fmla="*/ 48286 h 823866"/>
              <a:gd name="connsiteX65" fmla="*/ 250479 w 829901"/>
              <a:gd name="connsiteY65" fmla="*/ 51303 h 823866"/>
              <a:gd name="connsiteX66" fmla="*/ 235390 w 829901"/>
              <a:gd name="connsiteY66" fmla="*/ 0 h 823866"/>
              <a:gd name="connsiteX67" fmla="*/ 168998 w 829901"/>
              <a:gd name="connsiteY67" fmla="*/ 30179 h 823866"/>
              <a:gd name="connsiteX68" fmla="*/ 84499 w 829901"/>
              <a:gd name="connsiteY68" fmla="*/ 33196 h 823866"/>
              <a:gd name="connsiteX0" fmla="*/ 84499 w 829901"/>
              <a:gd name="connsiteY0" fmla="*/ 33196 h 823866"/>
              <a:gd name="connsiteX1" fmla="*/ 57339 w 829901"/>
              <a:gd name="connsiteY1" fmla="*/ 96571 h 823866"/>
              <a:gd name="connsiteX2" fmla="*/ 66392 w 829901"/>
              <a:gd name="connsiteY2" fmla="*/ 175034 h 823866"/>
              <a:gd name="connsiteX3" fmla="*/ 0 w 829901"/>
              <a:gd name="connsiteY3" fmla="*/ 259533 h 823866"/>
              <a:gd name="connsiteX4" fmla="*/ 33196 w 829901"/>
              <a:gd name="connsiteY4" fmla="*/ 301783 h 823866"/>
              <a:gd name="connsiteX5" fmla="*/ 45267 w 829901"/>
              <a:gd name="connsiteY5" fmla="*/ 331961 h 823866"/>
              <a:gd name="connsiteX6" fmla="*/ 27160 w 829901"/>
              <a:gd name="connsiteY6" fmla="*/ 380246 h 823866"/>
              <a:gd name="connsiteX7" fmla="*/ 36214 w 829901"/>
              <a:gd name="connsiteY7" fmla="*/ 446638 h 823866"/>
              <a:gd name="connsiteX8" fmla="*/ 75446 w 829901"/>
              <a:gd name="connsiteY8" fmla="*/ 449656 h 823866"/>
              <a:gd name="connsiteX9" fmla="*/ 100221 w 829901"/>
              <a:gd name="connsiteY9" fmla="*/ 468870 h 823866"/>
              <a:gd name="connsiteX10" fmla="*/ 138967 w 829901"/>
              <a:gd name="connsiteY10" fmla="*/ 486341 h 823866"/>
              <a:gd name="connsiteX11" fmla="*/ 175815 w 829901"/>
              <a:gd name="connsiteY11" fmla="*/ 538280 h 823866"/>
              <a:gd name="connsiteX12" fmla="*/ 220301 w 829901"/>
              <a:gd name="connsiteY12" fmla="*/ 537173 h 823866"/>
              <a:gd name="connsiteX13" fmla="*/ 249361 w 829901"/>
              <a:gd name="connsiteY13" fmla="*/ 585126 h 823866"/>
              <a:gd name="connsiteX14" fmla="*/ 277640 w 829901"/>
              <a:gd name="connsiteY14" fmla="*/ 564333 h 823866"/>
              <a:gd name="connsiteX15" fmla="*/ 292729 w 829901"/>
              <a:gd name="connsiteY15" fmla="*/ 618654 h 823866"/>
              <a:gd name="connsiteX16" fmla="*/ 292729 w 829901"/>
              <a:gd name="connsiteY16" fmla="*/ 636761 h 823866"/>
              <a:gd name="connsiteX17" fmla="*/ 301782 w 829901"/>
              <a:gd name="connsiteY17" fmla="*/ 666939 h 823866"/>
              <a:gd name="connsiteX18" fmla="*/ 298764 w 829901"/>
              <a:gd name="connsiteY18" fmla="*/ 682028 h 823866"/>
              <a:gd name="connsiteX19" fmla="*/ 304800 w 829901"/>
              <a:gd name="connsiteY19" fmla="*/ 697117 h 823866"/>
              <a:gd name="connsiteX20" fmla="*/ 301782 w 829901"/>
              <a:gd name="connsiteY20" fmla="*/ 763509 h 823866"/>
              <a:gd name="connsiteX21" fmla="*/ 337996 w 829901"/>
              <a:gd name="connsiteY21" fmla="*/ 793688 h 823866"/>
              <a:gd name="connsiteX22" fmla="*/ 380246 w 829901"/>
              <a:gd name="connsiteY22" fmla="*/ 808777 h 823866"/>
              <a:gd name="connsiteX23" fmla="*/ 404388 w 829901"/>
              <a:gd name="connsiteY23" fmla="*/ 823866 h 823866"/>
              <a:gd name="connsiteX24" fmla="*/ 473798 w 829901"/>
              <a:gd name="connsiteY24" fmla="*/ 808777 h 823866"/>
              <a:gd name="connsiteX25" fmla="*/ 790669 w 829901"/>
              <a:gd name="connsiteY25" fmla="*/ 751438 h 823866"/>
              <a:gd name="connsiteX26" fmla="*/ 802741 w 829901"/>
              <a:gd name="connsiteY26" fmla="*/ 751438 h 823866"/>
              <a:gd name="connsiteX27" fmla="*/ 802741 w 829901"/>
              <a:gd name="connsiteY27" fmla="*/ 688064 h 823866"/>
              <a:gd name="connsiteX28" fmla="*/ 766527 w 829901"/>
              <a:gd name="connsiteY28" fmla="*/ 579422 h 823866"/>
              <a:gd name="connsiteX29" fmla="*/ 772562 w 829901"/>
              <a:gd name="connsiteY29" fmla="*/ 522084 h 823866"/>
              <a:gd name="connsiteX30" fmla="*/ 757473 w 829901"/>
              <a:gd name="connsiteY30" fmla="*/ 473798 h 823866"/>
              <a:gd name="connsiteX31" fmla="*/ 778598 w 829901"/>
              <a:gd name="connsiteY31" fmla="*/ 443620 h 823866"/>
              <a:gd name="connsiteX32" fmla="*/ 781616 w 829901"/>
              <a:gd name="connsiteY32" fmla="*/ 407406 h 823866"/>
              <a:gd name="connsiteX33" fmla="*/ 772562 w 829901"/>
              <a:gd name="connsiteY33" fmla="*/ 353086 h 823866"/>
              <a:gd name="connsiteX34" fmla="*/ 811794 w 829901"/>
              <a:gd name="connsiteY34" fmla="*/ 292729 h 823866"/>
              <a:gd name="connsiteX35" fmla="*/ 829901 w 829901"/>
              <a:gd name="connsiteY35" fmla="*/ 226337 h 823866"/>
              <a:gd name="connsiteX36" fmla="*/ 823865 w 829901"/>
              <a:gd name="connsiteY36" fmla="*/ 220301 h 823866"/>
              <a:gd name="connsiteX37" fmla="*/ 805758 w 829901"/>
              <a:gd name="connsiteY37" fmla="*/ 235391 h 823866"/>
              <a:gd name="connsiteX38" fmla="*/ 787651 w 829901"/>
              <a:gd name="connsiteY38" fmla="*/ 271604 h 823866"/>
              <a:gd name="connsiteX39" fmla="*/ 769545 w 829901"/>
              <a:gd name="connsiteY39" fmla="*/ 307818 h 823866"/>
              <a:gd name="connsiteX40" fmla="*/ 751438 w 829901"/>
              <a:gd name="connsiteY40" fmla="*/ 316872 h 823866"/>
              <a:gd name="connsiteX41" fmla="*/ 745402 w 829901"/>
              <a:gd name="connsiteY41" fmla="*/ 341014 h 823866"/>
              <a:gd name="connsiteX42" fmla="*/ 727295 w 829901"/>
              <a:gd name="connsiteY42" fmla="*/ 362139 h 823866"/>
              <a:gd name="connsiteX43" fmla="*/ 715224 w 829901"/>
              <a:gd name="connsiteY43" fmla="*/ 371193 h 823866"/>
              <a:gd name="connsiteX44" fmla="*/ 715224 w 829901"/>
              <a:gd name="connsiteY44" fmla="*/ 371193 h 823866"/>
              <a:gd name="connsiteX45" fmla="*/ 715224 w 829901"/>
              <a:gd name="connsiteY45" fmla="*/ 371193 h 823866"/>
              <a:gd name="connsiteX46" fmla="*/ 721259 w 829901"/>
              <a:gd name="connsiteY46" fmla="*/ 316872 h 823866"/>
              <a:gd name="connsiteX47" fmla="*/ 718242 w 829901"/>
              <a:gd name="connsiteY47" fmla="*/ 301783 h 823866"/>
              <a:gd name="connsiteX48" fmla="*/ 730313 w 829901"/>
              <a:gd name="connsiteY48" fmla="*/ 265569 h 823866"/>
              <a:gd name="connsiteX49" fmla="*/ 727295 w 829901"/>
              <a:gd name="connsiteY49" fmla="*/ 226337 h 823866"/>
              <a:gd name="connsiteX50" fmla="*/ 703152 w 829901"/>
              <a:gd name="connsiteY50" fmla="*/ 193141 h 823866"/>
              <a:gd name="connsiteX51" fmla="*/ 697117 w 829901"/>
              <a:gd name="connsiteY51" fmla="*/ 178052 h 823866"/>
              <a:gd name="connsiteX52" fmla="*/ 706170 w 829901"/>
              <a:gd name="connsiteY52" fmla="*/ 162963 h 823866"/>
              <a:gd name="connsiteX53" fmla="*/ 709188 w 829901"/>
              <a:gd name="connsiteY53" fmla="*/ 147874 h 823866"/>
              <a:gd name="connsiteX54" fmla="*/ 691081 w 829901"/>
              <a:gd name="connsiteY54" fmla="*/ 147874 h 823866"/>
              <a:gd name="connsiteX55" fmla="*/ 672974 w 829901"/>
              <a:gd name="connsiteY55" fmla="*/ 147874 h 823866"/>
              <a:gd name="connsiteX56" fmla="*/ 654867 w 829901"/>
              <a:gd name="connsiteY56" fmla="*/ 117695 h 823866"/>
              <a:gd name="connsiteX57" fmla="*/ 615636 w 829901"/>
              <a:gd name="connsiteY57" fmla="*/ 117695 h 823866"/>
              <a:gd name="connsiteX58" fmla="*/ 564333 w 829901"/>
              <a:gd name="connsiteY58" fmla="*/ 111660 h 823866"/>
              <a:gd name="connsiteX59" fmla="*/ 497941 w 829901"/>
              <a:gd name="connsiteY59" fmla="*/ 99589 h 823866"/>
              <a:gd name="connsiteX60" fmla="*/ 443620 w 829901"/>
              <a:gd name="connsiteY60" fmla="*/ 99589 h 823866"/>
              <a:gd name="connsiteX61" fmla="*/ 401370 w 829901"/>
              <a:gd name="connsiteY61" fmla="*/ 93553 h 823866"/>
              <a:gd name="connsiteX62" fmla="*/ 347049 w 829901"/>
              <a:gd name="connsiteY62" fmla="*/ 72428 h 823866"/>
              <a:gd name="connsiteX63" fmla="*/ 328943 w 829901"/>
              <a:gd name="connsiteY63" fmla="*/ 48286 h 823866"/>
              <a:gd name="connsiteX64" fmla="*/ 250479 w 829901"/>
              <a:gd name="connsiteY64" fmla="*/ 51303 h 823866"/>
              <a:gd name="connsiteX65" fmla="*/ 235390 w 829901"/>
              <a:gd name="connsiteY65" fmla="*/ 0 h 823866"/>
              <a:gd name="connsiteX66" fmla="*/ 168998 w 829901"/>
              <a:gd name="connsiteY66" fmla="*/ 30179 h 823866"/>
              <a:gd name="connsiteX67" fmla="*/ 84499 w 829901"/>
              <a:gd name="connsiteY67" fmla="*/ 33196 h 8238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</a:cxnLst>
            <a:rect l="l" t="t" r="r" b="b"/>
            <a:pathLst>
              <a:path w="829901" h="823866">
                <a:moveTo>
                  <a:pt x="84499" y="33196"/>
                </a:moveTo>
                <a:lnTo>
                  <a:pt x="57339" y="96571"/>
                </a:lnTo>
                <a:lnTo>
                  <a:pt x="66392" y="175034"/>
                </a:lnTo>
                <a:lnTo>
                  <a:pt x="0" y="259533"/>
                </a:lnTo>
                <a:lnTo>
                  <a:pt x="33196" y="301783"/>
                </a:lnTo>
                <a:lnTo>
                  <a:pt x="45267" y="331961"/>
                </a:lnTo>
                <a:lnTo>
                  <a:pt x="27160" y="380246"/>
                </a:lnTo>
                <a:lnTo>
                  <a:pt x="36214" y="446638"/>
                </a:lnTo>
                <a:lnTo>
                  <a:pt x="75446" y="449656"/>
                </a:lnTo>
                <a:lnTo>
                  <a:pt x="100221" y="468870"/>
                </a:lnTo>
                <a:lnTo>
                  <a:pt x="138967" y="486341"/>
                </a:lnTo>
                <a:lnTo>
                  <a:pt x="175815" y="538280"/>
                </a:lnTo>
                <a:lnTo>
                  <a:pt x="220301" y="537173"/>
                </a:lnTo>
                <a:lnTo>
                  <a:pt x="249361" y="585126"/>
                </a:lnTo>
                <a:lnTo>
                  <a:pt x="277640" y="564333"/>
                </a:lnTo>
                <a:lnTo>
                  <a:pt x="292729" y="618654"/>
                </a:lnTo>
                <a:lnTo>
                  <a:pt x="292729" y="636761"/>
                </a:lnTo>
                <a:lnTo>
                  <a:pt x="301782" y="666939"/>
                </a:lnTo>
                <a:lnTo>
                  <a:pt x="298764" y="682028"/>
                </a:lnTo>
                <a:lnTo>
                  <a:pt x="304800" y="697117"/>
                </a:lnTo>
                <a:lnTo>
                  <a:pt x="301782" y="763509"/>
                </a:lnTo>
                <a:lnTo>
                  <a:pt x="337996" y="793688"/>
                </a:lnTo>
                <a:lnTo>
                  <a:pt x="380246" y="808777"/>
                </a:lnTo>
                <a:lnTo>
                  <a:pt x="404388" y="823866"/>
                </a:lnTo>
                <a:lnTo>
                  <a:pt x="473798" y="808777"/>
                </a:lnTo>
                <a:lnTo>
                  <a:pt x="790669" y="751438"/>
                </a:lnTo>
                <a:lnTo>
                  <a:pt x="802741" y="751438"/>
                </a:lnTo>
                <a:lnTo>
                  <a:pt x="802741" y="688064"/>
                </a:lnTo>
                <a:lnTo>
                  <a:pt x="766527" y="579422"/>
                </a:lnTo>
                <a:lnTo>
                  <a:pt x="772562" y="522084"/>
                </a:lnTo>
                <a:lnTo>
                  <a:pt x="757473" y="473798"/>
                </a:lnTo>
                <a:lnTo>
                  <a:pt x="778598" y="443620"/>
                </a:lnTo>
                <a:lnTo>
                  <a:pt x="781616" y="407406"/>
                </a:lnTo>
                <a:lnTo>
                  <a:pt x="772562" y="353086"/>
                </a:lnTo>
                <a:lnTo>
                  <a:pt x="811794" y="292729"/>
                </a:lnTo>
                <a:lnTo>
                  <a:pt x="829901" y="226337"/>
                </a:lnTo>
                <a:lnTo>
                  <a:pt x="823865" y="220301"/>
                </a:lnTo>
                <a:lnTo>
                  <a:pt x="805758" y="235391"/>
                </a:lnTo>
                <a:lnTo>
                  <a:pt x="787651" y="271604"/>
                </a:lnTo>
                <a:lnTo>
                  <a:pt x="769545" y="307818"/>
                </a:lnTo>
                <a:lnTo>
                  <a:pt x="751438" y="316872"/>
                </a:lnTo>
                <a:lnTo>
                  <a:pt x="745402" y="341014"/>
                </a:lnTo>
                <a:lnTo>
                  <a:pt x="727295" y="362139"/>
                </a:lnTo>
                <a:lnTo>
                  <a:pt x="715224" y="371193"/>
                </a:lnTo>
                <a:lnTo>
                  <a:pt x="715224" y="371193"/>
                </a:lnTo>
                <a:lnTo>
                  <a:pt x="715224" y="371193"/>
                </a:lnTo>
                <a:lnTo>
                  <a:pt x="721259" y="316872"/>
                </a:lnTo>
                <a:lnTo>
                  <a:pt x="718242" y="301783"/>
                </a:lnTo>
                <a:lnTo>
                  <a:pt x="730313" y="265569"/>
                </a:lnTo>
                <a:lnTo>
                  <a:pt x="727295" y="226337"/>
                </a:lnTo>
                <a:lnTo>
                  <a:pt x="703152" y="193141"/>
                </a:lnTo>
                <a:lnTo>
                  <a:pt x="697117" y="178052"/>
                </a:lnTo>
                <a:lnTo>
                  <a:pt x="706170" y="162963"/>
                </a:lnTo>
                <a:lnTo>
                  <a:pt x="709188" y="147874"/>
                </a:lnTo>
                <a:lnTo>
                  <a:pt x="691081" y="147874"/>
                </a:lnTo>
                <a:lnTo>
                  <a:pt x="672974" y="147874"/>
                </a:lnTo>
                <a:lnTo>
                  <a:pt x="654867" y="117695"/>
                </a:lnTo>
                <a:lnTo>
                  <a:pt x="615636" y="117695"/>
                </a:lnTo>
                <a:lnTo>
                  <a:pt x="564333" y="111660"/>
                </a:lnTo>
                <a:lnTo>
                  <a:pt x="497941" y="99589"/>
                </a:lnTo>
                <a:lnTo>
                  <a:pt x="443620" y="99589"/>
                </a:lnTo>
                <a:lnTo>
                  <a:pt x="401370" y="93553"/>
                </a:lnTo>
                <a:lnTo>
                  <a:pt x="347049" y="72428"/>
                </a:lnTo>
                <a:lnTo>
                  <a:pt x="328943" y="48286"/>
                </a:lnTo>
                <a:lnTo>
                  <a:pt x="250479" y="51303"/>
                </a:lnTo>
                <a:lnTo>
                  <a:pt x="235390" y="0"/>
                </a:lnTo>
                <a:lnTo>
                  <a:pt x="168998" y="30179"/>
                </a:lnTo>
                <a:lnTo>
                  <a:pt x="84499" y="33196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6" name="Freeform 45"/>
          <p:cNvSpPr/>
          <p:nvPr userDrawn="1"/>
        </p:nvSpPr>
        <p:spPr>
          <a:xfrm rot="171972">
            <a:off x="5393556" y="2739064"/>
            <a:ext cx="615950" cy="1057275"/>
          </a:xfrm>
          <a:custGeom>
            <a:avLst/>
            <a:gdLst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89711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71192 w 615635"/>
              <a:gd name="connsiteY16" fmla="*/ 1029077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3798 w 615635"/>
              <a:gd name="connsiteY19" fmla="*/ 1017006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73386 w 615635"/>
              <a:gd name="connsiteY23" fmla="*/ 950614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67350 w 615635"/>
              <a:gd name="connsiteY29" fmla="*/ 784634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71192 w 615635"/>
              <a:gd name="connsiteY16" fmla="*/ 1029077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3798 w 615635"/>
              <a:gd name="connsiteY19" fmla="*/ 1017006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73386 w 615635"/>
              <a:gd name="connsiteY23" fmla="*/ 950614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67350 w 615635"/>
              <a:gd name="connsiteY29" fmla="*/ 784634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71192 w 615635"/>
              <a:gd name="connsiteY16" fmla="*/ 1029077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3798 w 615635"/>
              <a:gd name="connsiteY19" fmla="*/ 1017006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73386 w 615635"/>
              <a:gd name="connsiteY23" fmla="*/ 950614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71192 w 615635"/>
              <a:gd name="connsiteY16" fmla="*/ 1029077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3798 w 615635"/>
              <a:gd name="connsiteY19" fmla="*/ 1017006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71192 w 615635"/>
              <a:gd name="connsiteY16" fmla="*/ 1029077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8558 w 615635"/>
              <a:gd name="connsiteY19" fmla="*/ 1036038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208229 w 615635"/>
              <a:gd name="connsiteY13" fmla="*/ 811794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59292 w 615635"/>
              <a:gd name="connsiteY16" fmla="*/ 1043351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8558 w 615635"/>
              <a:gd name="connsiteY19" fmla="*/ 1036038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06582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196330 w 615635"/>
              <a:gd name="connsiteY13" fmla="*/ 814173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59292 w 615635"/>
              <a:gd name="connsiteY16" fmla="*/ 1043351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8558 w 615635"/>
              <a:gd name="connsiteY19" fmla="*/ 1036038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20855 h 1056238"/>
              <a:gd name="connsiteX8" fmla="*/ 114677 w 615635"/>
              <a:gd name="connsiteY8" fmla="*/ 636761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196330 w 615635"/>
              <a:gd name="connsiteY13" fmla="*/ 814173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59292 w 615635"/>
              <a:gd name="connsiteY16" fmla="*/ 1043351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8558 w 615635"/>
              <a:gd name="connsiteY19" fmla="*/ 1036038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  <a:gd name="connsiteX0" fmla="*/ 78463 w 615635"/>
              <a:gd name="connsiteY0" fmla="*/ 78464 h 1056238"/>
              <a:gd name="connsiteX1" fmla="*/ 147873 w 615635"/>
              <a:gd name="connsiteY1" fmla="*/ 159945 h 1056238"/>
              <a:gd name="connsiteX2" fmla="*/ 150891 w 615635"/>
              <a:gd name="connsiteY2" fmla="*/ 202194 h 1056238"/>
              <a:gd name="connsiteX3" fmla="*/ 93552 w 615635"/>
              <a:gd name="connsiteY3" fmla="*/ 280658 h 1056238"/>
              <a:gd name="connsiteX4" fmla="*/ 27160 w 615635"/>
              <a:gd name="connsiteY4" fmla="*/ 277816 h 1056238"/>
              <a:gd name="connsiteX5" fmla="*/ 54321 w 615635"/>
              <a:gd name="connsiteY5" fmla="*/ 356103 h 1056238"/>
              <a:gd name="connsiteX6" fmla="*/ 0 w 615635"/>
              <a:gd name="connsiteY6" fmla="*/ 431549 h 1056238"/>
              <a:gd name="connsiteX7" fmla="*/ 30178 w 615635"/>
              <a:gd name="connsiteY7" fmla="*/ 620855 h 1056238"/>
              <a:gd name="connsiteX8" fmla="*/ 109918 w 615635"/>
              <a:gd name="connsiteY8" fmla="*/ 648656 h 1056238"/>
              <a:gd name="connsiteX9" fmla="*/ 156926 w 615635"/>
              <a:gd name="connsiteY9" fmla="*/ 739367 h 1056238"/>
              <a:gd name="connsiteX10" fmla="*/ 196158 w 615635"/>
              <a:gd name="connsiteY10" fmla="*/ 727295 h 1056238"/>
              <a:gd name="connsiteX11" fmla="*/ 223319 w 615635"/>
              <a:gd name="connsiteY11" fmla="*/ 760491 h 1056238"/>
              <a:gd name="connsiteX12" fmla="*/ 205212 w 615635"/>
              <a:gd name="connsiteY12" fmla="*/ 793687 h 1056238"/>
              <a:gd name="connsiteX13" fmla="*/ 196330 w 615635"/>
              <a:gd name="connsiteY13" fmla="*/ 814173 h 1056238"/>
              <a:gd name="connsiteX14" fmla="*/ 247461 w 615635"/>
              <a:gd name="connsiteY14" fmla="*/ 902329 h 1056238"/>
              <a:gd name="connsiteX15" fmla="*/ 337996 w 615635"/>
              <a:gd name="connsiteY15" fmla="*/ 944578 h 1056238"/>
              <a:gd name="connsiteX16" fmla="*/ 359292 w 615635"/>
              <a:gd name="connsiteY16" fmla="*/ 1043351 h 1056238"/>
              <a:gd name="connsiteX17" fmla="*/ 431548 w 615635"/>
              <a:gd name="connsiteY17" fmla="*/ 1056238 h 1056238"/>
              <a:gd name="connsiteX18" fmla="*/ 437584 w 615635"/>
              <a:gd name="connsiteY18" fmla="*/ 1020024 h 1056238"/>
              <a:gd name="connsiteX19" fmla="*/ 478558 w 615635"/>
              <a:gd name="connsiteY19" fmla="*/ 1036038 h 1056238"/>
              <a:gd name="connsiteX20" fmla="*/ 525101 w 615635"/>
              <a:gd name="connsiteY20" fmla="*/ 1032095 h 1056238"/>
              <a:gd name="connsiteX21" fmla="*/ 534154 w 615635"/>
              <a:gd name="connsiteY21" fmla="*/ 1017006 h 1056238"/>
              <a:gd name="connsiteX22" fmla="*/ 525101 w 615635"/>
              <a:gd name="connsiteY22" fmla="*/ 983810 h 1056238"/>
              <a:gd name="connsiteX23" fmla="*/ 587665 w 615635"/>
              <a:gd name="connsiteY23" fmla="*/ 967266 h 1056238"/>
              <a:gd name="connsiteX24" fmla="*/ 579422 w 615635"/>
              <a:gd name="connsiteY24" fmla="*/ 920436 h 1056238"/>
              <a:gd name="connsiteX25" fmla="*/ 579422 w 615635"/>
              <a:gd name="connsiteY25" fmla="*/ 893275 h 1056238"/>
              <a:gd name="connsiteX26" fmla="*/ 573386 w 615635"/>
              <a:gd name="connsiteY26" fmla="*/ 866115 h 1056238"/>
              <a:gd name="connsiteX27" fmla="*/ 576404 w 615635"/>
              <a:gd name="connsiteY27" fmla="*/ 826883 h 1056238"/>
              <a:gd name="connsiteX28" fmla="*/ 579422 w 615635"/>
              <a:gd name="connsiteY28" fmla="*/ 802741 h 1056238"/>
              <a:gd name="connsiteX29" fmla="*/ 586390 w 615635"/>
              <a:gd name="connsiteY29" fmla="*/ 787012 h 1056238"/>
              <a:gd name="connsiteX30" fmla="*/ 603564 w 615635"/>
              <a:gd name="connsiteY30" fmla="*/ 748420 h 1056238"/>
              <a:gd name="connsiteX31" fmla="*/ 606582 w 615635"/>
              <a:gd name="connsiteY31" fmla="*/ 715224 h 1056238"/>
              <a:gd name="connsiteX32" fmla="*/ 615635 w 615635"/>
              <a:gd name="connsiteY32" fmla="*/ 703153 h 1056238"/>
              <a:gd name="connsiteX33" fmla="*/ 609600 w 615635"/>
              <a:gd name="connsiteY33" fmla="*/ 672974 h 1056238"/>
              <a:gd name="connsiteX34" fmla="*/ 597528 w 615635"/>
              <a:gd name="connsiteY34" fmla="*/ 624689 h 1056238"/>
              <a:gd name="connsiteX35" fmla="*/ 597528 w 615635"/>
              <a:gd name="connsiteY35" fmla="*/ 582440 h 1056238"/>
              <a:gd name="connsiteX36" fmla="*/ 615635 w 615635"/>
              <a:gd name="connsiteY36" fmla="*/ 519066 h 1056238"/>
              <a:gd name="connsiteX37" fmla="*/ 579422 w 615635"/>
              <a:gd name="connsiteY37" fmla="*/ 334978 h 1056238"/>
              <a:gd name="connsiteX38" fmla="*/ 570368 w 615635"/>
              <a:gd name="connsiteY38" fmla="*/ 307818 h 1056238"/>
              <a:gd name="connsiteX39" fmla="*/ 561315 w 615635"/>
              <a:gd name="connsiteY39" fmla="*/ 250479 h 1056238"/>
              <a:gd name="connsiteX40" fmla="*/ 552261 w 615635"/>
              <a:gd name="connsiteY40" fmla="*/ 202194 h 1056238"/>
              <a:gd name="connsiteX41" fmla="*/ 540190 w 615635"/>
              <a:gd name="connsiteY41" fmla="*/ 141838 h 1056238"/>
              <a:gd name="connsiteX42" fmla="*/ 531136 w 615635"/>
              <a:gd name="connsiteY42" fmla="*/ 126749 h 1056238"/>
              <a:gd name="connsiteX43" fmla="*/ 488887 w 615635"/>
              <a:gd name="connsiteY43" fmla="*/ 63374 h 1056238"/>
              <a:gd name="connsiteX44" fmla="*/ 479833 w 615635"/>
              <a:gd name="connsiteY44" fmla="*/ 21125 h 1056238"/>
              <a:gd name="connsiteX45" fmla="*/ 473798 w 615635"/>
              <a:gd name="connsiteY45" fmla="*/ 0 h 1056238"/>
              <a:gd name="connsiteX46" fmla="*/ 78463 w 615635"/>
              <a:gd name="connsiteY46" fmla="*/ 78464 h 10562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615635" h="1056238">
                <a:moveTo>
                  <a:pt x="78463" y="78464"/>
                </a:moveTo>
                <a:lnTo>
                  <a:pt x="147873" y="159945"/>
                </a:lnTo>
                <a:lnTo>
                  <a:pt x="150891" y="202194"/>
                </a:lnTo>
                <a:lnTo>
                  <a:pt x="93552" y="280658"/>
                </a:lnTo>
                <a:lnTo>
                  <a:pt x="27160" y="277816"/>
                </a:lnTo>
                <a:lnTo>
                  <a:pt x="54321" y="356103"/>
                </a:lnTo>
                <a:lnTo>
                  <a:pt x="0" y="431549"/>
                </a:lnTo>
                <a:lnTo>
                  <a:pt x="30178" y="620855"/>
                </a:lnTo>
                <a:lnTo>
                  <a:pt x="109918" y="648656"/>
                </a:lnTo>
                <a:lnTo>
                  <a:pt x="156926" y="739367"/>
                </a:lnTo>
                <a:lnTo>
                  <a:pt x="196158" y="727295"/>
                </a:lnTo>
                <a:lnTo>
                  <a:pt x="223319" y="760491"/>
                </a:lnTo>
                <a:lnTo>
                  <a:pt x="205212" y="793687"/>
                </a:lnTo>
                <a:lnTo>
                  <a:pt x="196330" y="814173"/>
                </a:lnTo>
                <a:lnTo>
                  <a:pt x="247461" y="902329"/>
                </a:lnTo>
                <a:lnTo>
                  <a:pt x="337996" y="944578"/>
                </a:lnTo>
                <a:lnTo>
                  <a:pt x="359292" y="1043351"/>
                </a:lnTo>
                <a:lnTo>
                  <a:pt x="431548" y="1056238"/>
                </a:lnTo>
                <a:lnTo>
                  <a:pt x="437584" y="1020024"/>
                </a:lnTo>
                <a:lnTo>
                  <a:pt x="478558" y="1036038"/>
                </a:lnTo>
                <a:lnTo>
                  <a:pt x="525101" y="1032095"/>
                </a:lnTo>
                <a:lnTo>
                  <a:pt x="534154" y="1017006"/>
                </a:lnTo>
                <a:lnTo>
                  <a:pt x="525101" y="983810"/>
                </a:lnTo>
                <a:lnTo>
                  <a:pt x="587665" y="967266"/>
                </a:lnTo>
                <a:lnTo>
                  <a:pt x="579422" y="920436"/>
                </a:lnTo>
                <a:lnTo>
                  <a:pt x="579422" y="893275"/>
                </a:lnTo>
                <a:lnTo>
                  <a:pt x="573386" y="866115"/>
                </a:lnTo>
                <a:lnTo>
                  <a:pt x="576404" y="826883"/>
                </a:lnTo>
                <a:lnTo>
                  <a:pt x="579422" y="802741"/>
                </a:lnTo>
                <a:lnTo>
                  <a:pt x="586390" y="787012"/>
                </a:lnTo>
                <a:lnTo>
                  <a:pt x="603564" y="748420"/>
                </a:lnTo>
                <a:lnTo>
                  <a:pt x="606582" y="715224"/>
                </a:lnTo>
                <a:lnTo>
                  <a:pt x="615635" y="703153"/>
                </a:lnTo>
                <a:lnTo>
                  <a:pt x="609600" y="672974"/>
                </a:lnTo>
                <a:lnTo>
                  <a:pt x="597528" y="624689"/>
                </a:lnTo>
                <a:lnTo>
                  <a:pt x="597528" y="582440"/>
                </a:lnTo>
                <a:lnTo>
                  <a:pt x="615635" y="519066"/>
                </a:lnTo>
                <a:lnTo>
                  <a:pt x="579422" y="334978"/>
                </a:lnTo>
                <a:lnTo>
                  <a:pt x="570368" y="307818"/>
                </a:lnTo>
                <a:lnTo>
                  <a:pt x="561315" y="250479"/>
                </a:lnTo>
                <a:lnTo>
                  <a:pt x="552261" y="202194"/>
                </a:lnTo>
                <a:lnTo>
                  <a:pt x="540190" y="141838"/>
                </a:lnTo>
                <a:lnTo>
                  <a:pt x="531136" y="126749"/>
                </a:lnTo>
                <a:lnTo>
                  <a:pt x="488887" y="63374"/>
                </a:lnTo>
                <a:lnTo>
                  <a:pt x="479833" y="21125"/>
                </a:lnTo>
                <a:lnTo>
                  <a:pt x="473798" y="0"/>
                </a:lnTo>
                <a:lnTo>
                  <a:pt x="78463" y="78464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7" name="Freeform 46"/>
          <p:cNvSpPr/>
          <p:nvPr userDrawn="1"/>
        </p:nvSpPr>
        <p:spPr>
          <a:xfrm rot="171972">
            <a:off x="5951107" y="4120655"/>
            <a:ext cx="595313" cy="974725"/>
          </a:xfrm>
          <a:custGeom>
            <a:avLst/>
            <a:gdLst>
              <a:gd name="connsiteX0" fmla="*/ 0 w 594511"/>
              <a:gd name="connsiteY0" fmla="*/ 84499 h 974757"/>
              <a:gd name="connsiteX1" fmla="*/ 69410 w 594511"/>
              <a:gd name="connsiteY1" fmla="*/ 962686 h 974757"/>
              <a:gd name="connsiteX2" fmla="*/ 87517 w 594511"/>
              <a:gd name="connsiteY2" fmla="*/ 962686 h 974757"/>
              <a:gd name="connsiteX3" fmla="*/ 111659 w 594511"/>
              <a:gd name="connsiteY3" fmla="*/ 962686 h 974757"/>
              <a:gd name="connsiteX4" fmla="*/ 132784 w 594511"/>
              <a:gd name="connsiteY4" fmla="*/ 941561 h 974757"/>
              <a:gd name="connsiteX5" fmla="*/ 129766 w 594511"/>
              <a:gd name="connsiteY5" fmla="*/ 902329 h 974757"/>
              <a:gd name="connsiteX6" fmla="*/ 184087 w 594511"/>
              <a:gd name="connsiteY6" fmla="*/ 974757 h 974757"/>
              <a:gd name="connsiteX7" fmla="*/ 220301 w 594511"/>
              <a:gd name="connsiteY7" fmla="*/ 959668 h 974757"/>
              <a:gd name="connsiteX8" fmla="*/ 217283 w 594511"/>
              <a:gd name="connsiteY8" fmla="*/ 908365 h 974757"/>
              <a:gd name="connsiteX9" fmla="*/ 214265 w 594511"/>
              <a:gd name="connsiteY9" fmla="*/ 878187 h 974757"/>
              <a:gd name="connsiteX10" fmla="*/ 193140 w 594511"/>
              <a:gd name="connsiteY10" fmla="*/ 851026 h 974757"/>
              <a:gd name="connsiteX11" fmla="*/ 588475 w 594511"/>
              <a:gd name="connsiteY11" fmla="*/ 751438 h 974757"/>
              <a:gd name="connsiteX12" fmla="*/ 591493 w 594511"/>
              <a:gd name="connsiteY12" fmla="*/ 685046 h 974757"/>
              <a:gd name="connsiteX13" fmla="*/ 582439 w 594511"/>
              <a:gd name="connsiteY13" fmla="*/ 633743 h 974757"/>
              <a:gd name="connsiteX14" fmla="*/ 588475 w 594511"/>
              <a:gd name="connsiteY14" fmla="*/ 585458 h 974757"/>
              <a:gd name="connsiteX15" fmla="*/ 570368 w 594511"/>
              <a:gd name="connsiteY15" fmla="*/ 528119 h 974757"/>
              <a:gd name="connsiteX16" fmla="*/ 576404 w 594511"/>
              <a:gd name="connsiteY16" fmla="*/ 510012 h 974757"/>
              <a:gd name="connsiteX17" fmla="*/ 594511 w 594511"/>
              <a:gd name="connsiteY17" fmla="*/ 488888 h 974757"/>
              <a:gd name="connsiteX18" fmla="*/ 588475 w 594511"/>
              <a:gd name="connsiteY18" fmla="*/ 467763 h 974757"/>
              <a:gd name="connsiteX19" fmla="*/ 543208 w 594511"/>
              <a:gd name="connsiteY19" fmla="*/ 425513 h 974757"/>
              <a:gd name="connsiteX20" fmla="*/ 470780 w 594511"/>
              <a:gd name="connsiteY20" fmla="*/ 162963 h 974757"/>
              <a:gd name="connsiteX21" fmla="*/ 449655 w 594511"/>
              <a:gd name="connsiteY21" fmla="*/ 111660 h 974757"/>
              <a:gd name="connsiteX22" fmla="*/ 410424 w 594511"/>
              <a:gd name="connsiteY22" fmla="*/ 0 h 974757"/>
              <a:gd name="connsiteX23" fmla="*/ 202194 w 594511"/>
              <a:gd name="connsiteY23" fmla="*/ 51303 h 974757"/>
              <a:gd name="connsiteX24" fmla="*/ 114677 w 594511"/>
              <a:gd name="connsiteY24" fmla="*/ 66392 h 974757"/>
              <a:gd name="connsiteX25" fmla="*/ 96570 w 594511"/>
              <a:gd name="connsiteY25" fmla="*/ 51303 h 974757"/>
              <a:gd name="connsiteX26" fmla="*/ 0 w 594511"/>
              <a:gd name="connsiteY26" fmla="*/ 84499 h 9747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</a:cxnLst>
            <a:rect l="l" t="t" r="r" b="b"/>
            <a:pathLst>
              <a:path w="594511" h="974757">
                <a:moveTo>
                  <a:pt x="0" y="84499"/>
                </a:moveTo>
                <a:lnTo>
                  <a:pt x="69410" y="962686"/>
                </a:lnTo>
                <a:lnTo>
                  <a:pt x="87517" y="962686"/>
                </a:lnTo>
                <a:lnTo>
                  <a:pt x="111659" y="962686"/>
                </a:lnTo>
                <a:lnTo>
                  <a:pt x="132784" y="941561"/>
                </a:lnTo>
                <a:lnTo>
                  <a:pt x="129766" y="902329"/>
                </a:lnTo>
                <a:lnTo>
                  <a:pt x="184087" y="974757"/>
                </a:lnTo>
                <a:lnTo>
                  <a:pt x="220301" y="959668"/>
                </a:lnTo>
                <a:lnTo>
                  <a:pt x="217283" y="908365"/>
                </a:lnTo>
                <a:lnTo>
                  <a:pt x="214265" y="878187"/>
                </a:lnTo>
                <a:lnTo>
                  <a:pt x="193140" y="851026"/>
                </a:lnTo>
                <a:lnTo>
                  <a:pt x="588475" y="751438"/>
                </a:lnTo>
                <a:lnTo>
                  <a:pt x="591493" y="685046"/>
                </a:lnTo>
                <a:lnTo>
                  <a:pt x="582439" y="633743"/>
                </a:lnTo>
                <a:lnTo>
                  <a:pt x="588475" y="585458"/>
                </a:lnTo>
                <a:lnTo>
                  <a:pt x="570368" y="528119"/>
                </a:lnTo>
                <a:lnTo>
                  <a:pt x="576404" y="510012"/>
                </a:lnTo>
                <a:lnTo>
                  <a:pt x="594511" y="488888"/>
                </a:lnTo>
                <a:lnTo>
                  <a:pt x="588475" y="467763"/>
                </a:lnTo>
                <a:lnTo>
                  <a:pt x="543208" y="425513"/>
                </a:lnTo>
                <a:lnTo>
                  <a:pt x="470780" y="162963"/>
                </a:lnTo>
                <a:lnTo>
                  <a:pt x="449655" y="111660"/>
                </a:lnTo>
                <a:lnTo>
                  <a:pt x="410424" y="0"/>
                </a:lnTo>
                <a:lnTo>
                  <a:pt x="202194" y="51303"/>
                </a:lnTo>
                <a:lnTo>
                  <a:pt x="114677" y="66392"/>
                </a:lnTo>
                <a:lnTo>
                  <a:pt x="96570" y="51303"/>
                </a:lnTo>
                <a:lnTo>
                  <a:pt x="0" y="84499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8" name="Freeform 47"/>
          <p:cNvSpPr/>
          <p:nvPr userDrawn="1"/>
        </p:nvSpPr>
        <p:spPr>
          <a:xfrm rot="171972">
            <a:off x="6362214" y="4059554"/>
            <a:ext cx="827087" cy="871537"/>
          </a:xfrm>
          <a:custGeom>
            <a:avLst/>
            <a:gdLst>
              <a:gd name="connsiteX0" fmla="*/ 0 w 832919"/>
              <a:gd name="connsiteY0" fmla="*/ 87516 h 872150"/>
              <a:gd name="connsiteX1" fmla="*/ 69410 w 832919"/>
              <a:gd name="connsiteY1" fmla="*/ 262550 h 872150"/>
              <a:gd name="connsiteX2" fmla="*/ 141838 w 832919"/>
              <a:gd name="connsiteY2" fmla="*/ 510011 h 872150"/>
              <a:gd name="connsiteX3" fmla="*/ 187105 w 832919"/>
              <a:gd name="connsiteY3" fmla="*/ 576404 h 872150"/>
              <a:gd name="connsiteX4" fmla="*/ 165980 w 832919"/>
              <a:gd name="connsiteY4" fmla="*/ 618653 h 872150"/>
              <a:gd name="connsiteX5" fmla="*/ 175034 w 832919"/>
              <a:gd name="connsiteY5" fmla="*/ 672974 h 872150"/>
              <a:gd name="connsiteX6" fmla="*/ 184087 w 832919"/>
              <a:gd name="connsiteY6" fmla="*/ 688063 h 872150"/>
              <a:gd name="connsiteX7" fmla="*/ 178051 w 832919"/>
              <a:gd name="connsiteY7" fmla="*/ 733330 h 872150"/>
              <a:gd name="connsiteX8" fmla="*/ 187105 w 832919"/>
              <a:gd name="connsiteY8" fmla="*/ 781615 h 872150"/>
              <a:gd name="connsiteX9" fmla="*/ 175034 w 832919"/>
              <a:gd name="connsiteY9" fmla="*/ 829901 h 872150"/>
              <a:gd name="connsiteX10" fmla="*/ 259533 w 832919"/>
              <a:gd name="connsiteY10" fmla="*/ 872150 h 872150"/>
              <a:gd name="connsiteX11" fmla="*/ 383263 w 832919"/>
              <a:gd name="connsiteY11" fmla="*/ 863097 h 872150"/>
              <a:gd name="connsiteX12" fmla="*/ 645814 w 832919"/>
              <a:gd name="connsiteY12" fmla="*/ 826883 h 872150"/>
              <a:gd name="connsiteX13" fmla="*/ 700135 w 832919"/>
              <a:gd name="connsiteY13" fmla="*/ 851025 h 872150"/>
              <a:gd name="connsiteX14" fmla="*/ 706170 w 832919"/>
              <a:gd name="connsiteY14" fmla="*/ 772562 h 872150"/>
              <a:gd name="connsiteX15" fmla="*/ 724277 w 832919"/>
              <a:gd name="connsiteY15" fmla="*/ 751437 h 872150"/>
              <a:gd name="connsiteX16" fmla="*/ 781616 w 832919"/>
              <a:gd name="connsiteY16" fmla="*/ 766526 h 872150"/>
              <a:gd name="connsiteX17" fmla="*/ 805758 w 832919"/>
              <a:gd name="connsiteY17" fmla="*/ 757473 h 872150"/>
              <a:gd name="connsiteX18" fmla="*/ 784634 w 832919"/>
              <a:gd name="connsiteY18" fmla="*/ 651849 h 872150"/>
              <a:gd name="connsiteX19" fmla="*/ 796705 w 832919"/>
              <a:gd name="connsiteY19" fmla="*/ 642796 h 872150"/>
              <a:gd name="connsiteX20" fmla="*/ 796705 w 832919"/>
              <a:gd name="connsiteY20" fmla="*/ 585457 h 872150"/>
              <a:gd name="connsiteX21" fmla="*/ 817830 w 832919"/>
              <a:gd name="connsiteY21" fmla="*/ 519065 h 872150"/>
              <a:gd name="connsiteX22" fmla="*/ 832919 w 832919"/>
              <a:gd name="connsiteY22" fmla="*/ 482851 h 872150"/>
              <a:gd name="connsiteX23" fmla="*/ 832919 w 832919"/>
              <a:gd name="connsiteY23" fmla="*/ 464744 h 872150"/>
              <a:gd name="connsiteX24" fmla="*/ 805758 w 832919"/>
              <a:gd name="connsiteY24" fmla="*/ 461726 h 872150"/>
              <a:gd name="connsiteX25" fmla="*/ 793687 w 832919"/>
              <a:gd name="connsiteY25" fmla="*/ 431548 h 872150"/>
              <a:gd name="connsiteX26" fmla="*/ 724277 w 832919"/>
              <a:gd name="connsiteY26" fmla="*/ 359120 h 872150"/>
              <a:gd name="connsiteX27" fmla="*/ 712206 w 832919"/>
              <a:gd name="connsiteY27" fmla="*/ 307817 h 872150"/>
              <a:gd name="connsiteX28" fmla="*/ 636760 w 832919"/>
              <a:gd name="connsiteY28" fmla="*/ 271604 h 872150"/>
              <a:gd name="connsiteX29" fmla="*/ 564333 w 832919"/>
              <a:gd name="connsiteY29" fmla="*/ 196158 h 872150"/>
              <a:gd name="connsiteX30" fmla="*/ 531137 w 832919"/>
              <a:gd name="connsiteY30" fmla="*/ 175033 h 872150"/>
              <a:gd name="connsiteX31" fmla="*/ 488887 w 832919"/>
              <a:gd name="connsiteY31" fmla="*/ 156926 h 872150"/>
              <a:gd name="connsiteX32" fmla="*/ 470780 w 832919"/>
              <a:gd name="connsiteY32" fmla="*/ 150891 h 872150"/>
              <a:gd name="connsiteX33" fmla="*/ 434566 w 832919"/>
              <a:gd name="connsiteY33" fmla="*/ 99588 h 872150"/>
              <a:gd name="connsiteX34" fmla="*/ 377228 w 832919"/>
              <a:gd name="connsiteY34" fmla="*/ 63374 h 872150"/>
              <a:gd name="connsiteX35" fmla="*/ 371192 w 832919"/>
              <a:gd name="connsiteY35" fmla="*/ 36213 h 872150"/>
              <a:gd name="connsiteX36" fmla="*/ 371192 w 832919"/>
              <a:gd name="connsiteY36" fmla="*/ 0 h 872150"/>
              <a:gd name="connsiteX37" fmla="*/ 205212 w 832919"/>
              <a:gd name="connsiteY37" fmla="*/ 45267 h 872150"/>
              <a:gd name="connsiteX38" fmla="*/ 0 w 832919"/>
              <a:gd name="connsiteY38" fmla="*/ 87516 h 872150"/>
              <a:gd name="connsiteX0" fmla="*/ 0 w 832919"/>
              <a:gd name="connsiteY0" fmla="*/ 87516 h 872150"/>
              <a:gd name="connsiteX1" fmla="*/ 69410 w 832919"/>
              <a:gd name="connsiteY1" fmla="*/ 262550 h 872150"/>
              <a:gd name="connsiteX2" fmla="*/ 141838 w 832919"/>
              <a:gd name="connsiteY2" fmla="*/ 510011 h 872150"/>
              <a:gd name="connsiteX3" fmla="*/ 187105 w 832919"/>
              <a:gd name="connsiteY3" fmla="*/ 576404 h 872150"/>
              <a:gd name="connsiteX4" fmla="*/ 165980 w 832919"/>
              <a:gd name="connsiteY4" fmla="*/ 618653 h 872150"/>
              <a:gd name="connsiteX5" fmla="*/ 175034 w 832919"/>
              <a:gd name="connsiteY5" fmla="*/ 672974 h 872150"/>
              <a:gd name="connsiteX6" fmla="*/ 184087 w 832919"/>
              <a:gd name="connsiteY6" fmla="*/ 688063 h 872150"/>
              <a:gd name="connsiteX7" fmla="*/ 178051 w 832919"/>
              <a:gd name="connsiteY7" fmla="*/ 733330 h 872150"/>
              <a:gd name="connsiteX8" fmla="*/ 187105 w 832919"/>
              <a:gd name="connsiteY8" fmla="*/ 781615 h 872150"/>
              <a:gd name="connsiteX9" fmla="*/ 172655 w 832919"/>
              <a:gd name="connsiteY9" fmla="*/ 848965 h 872150"/>
              <a:gd name="connsiteX10" fmla="*/ 259533 w 832919"/>
              <a:gd name="connsiteY10" fmla="*/ 872150 h 872150"/>
              <a:gd name="connsiteX11" fmla="*/ 383263 w 832919"/>
              <a:gd name="connsiteY11" fmla="*/ 863097 h 872150"/>
              <a:gd name="connsiteX12" fmla="*/ 645814 w 832919"/>
              <a:gd name="connsiteY12" fmla="*/ 826883 h 872150"/>
              <a:gd name="connsiteX13" fmla="*/ 700135 w 832919"/>
              <a:gd name="connsiteY13" fmla="*/ 851025 h 872150"/>
              <a:gd name="connsiteX14" fmla="*/ 706170 w 832919"/>
              <a:gd name="connsiteY14" fmla="*/ 772562 h 872150"/>
              <a:gd name="connsiteX15" fmla="*/ 724277 w 832919"/>
              <a:gd name="connsiteY15" fmla="*/ 751437 h 872150"/>
              <a:gd name="connsiteX16" fmla="*/ 781616 w 832919"/>
              <a:gd name="connsiteY16" fmla="*/ 766526 h 872150"/>
              <a:gd name="connsiteX17" fmla="*/ 805758 w 832919"/>
              <a:gd name="connsiteY17" fmla="*/ 757473 h 872150"/>
              <a:gd name="connsiteX18" fmla="*/ 784634 w 832919"/>
              <a:gd name="connsiteY18" fmla="*/ 651849 h 872150"/>
              <a:gd name="connsiteX19" fmla="*/ 796705 w 832919"/>
              <a:gd name="connsiteY19" fmla="*/ 642796 h 872150"/>
              <a:gd name="connsiteX20" fmla="*/ 796705 w 832919"/>
              <a:gd name="connsiteY20" fmla="*/ 585457 h 872150"/>
              <a:gd name="connsiteX21" fmla="*/ 817830 w 832919"/>
              <a:gd name="connsiteY21" fmla="*/ 519065 h 872150"/>
              <a:gd name="connsiteX22" fmla="*/ 832919 w 832919"/>
              <a:gd name="connsiteY22" fmla="*/ 482851 h 872150"/>
              <a:gd name="connsiteX23" fmla="*/ 832919 w 832919"/>
              <a:gd name="connsiteY23" fmla="*/ 464744 h 872150"/>
              <a:gd name="connsiteX24" fmla="*/ 805758 w 832919"/>
              <a:gd name="connsiteY24" fmla="*/ 461726 h 872150"/>
              <a:gd name="connsiteX25" fmla="*/ 793687 w 832919"/>
              <a:gd name="connsiteY25" fmla="*/ 431548 h 872150"/>
              <a:gd name="connsiteX26" fmla="*/ 724277 w 832919"/>
              <a:gd name="connsiteY26" fmla="*/ 359120 h 872150"/>
              <a:gd name="connsiteX27" fmla="*/ 712206 w 832919"/>
              <a:gd name="connsiteY27" fmla="*/ 307817 h 872150"/>
              <a:gd name="connsiteX28" fmla="*/ 636760 w 832919"/>
              <a:gd name="connsiteY28" fmla="*/ 271604 h 872150"/>
              <a:gd name="connsiteX29" fmla="*/ 564333 w 832919"/>
              <a:gd name="connsiteY29" fmla="*/ 196158 h 872150"/>
              <a:gd name="connsiteX30" fmla="*/ 531137 w 832919"/>
              <a:gd name="connsiteY30" fmla="*/ 175033 h 872150"/>
              <a:gd name="connsiteX31" fmla="*/ 488887 w 832919"/>
              <a:gd name="connsiteY31" fmla="*/ 156926 h 872150"/>
              <a:gd name="connsiteX32" fmla="*/ 470780 w 832919"/>
              <a:gd name="connsiteY32" fmla="*/ 150891 h 872150"/>
              <a:gd name="connsiteX33" fmla="*/ 434566 w 832919"/>
              <a:gd name="connsiteY33" fmla="*/ 99588 h 872150"/>
              <a:gd name="connsiteX34" fmla="*/ 377228 w 832919"/>
              <a:gd name="connsiteY34" fmla="*/ 63374 h 872150"/>
              <a:gd name="connsiteX35" fmla="*/ 371192 w 832919"/>
              <a:gd name="connsiteY35" fmla="*/ 36213 h 872150"/>
              <a:gd name="connsiteX36" fmla="*/ 371192 w 832919"/>
              <a:gd name="connsiteY36" fmla="*/ 0 h 872150"/>
              <a:gd name="connsiteX37" fmla="*/ 205212 w 832919"/>
              <a:gd name="connsiteY37" fmla="*/ 45267 h 872150"/>
              <a:gd name="connsiteX38" fmla="*/ 0 w 832919"/>
              <a:gd name="connsiteY38" fmla="*/ 87516 h 872150"/>
              <a:gd name="connsiteX0" fmla="*/ 0 w 832919"/>
              <a:gd name="connsiteY0" fmla="*/ 87516 h 872150"/>
              <a:gd name="connsiteX1" fmla="*/ 69410 w 832919"/>
              <a:gd name="connsiteY1" fmla="*/ 262550 h 872150"/>
              <a:gd name="connsiteX2" fmla="*/ 141838 w 832919"/>
              <a:gd name="connsiteY2" fmla="*/ 510011 h 872150"/>
              <a:gd name="connsiteX3" fmla="*/ 187105 w 832919"/>
              <a:gd name="connsiteY3" fmla="*/ 576404 h 872150"/>
              <a:gd name="connsiteX4" fmla="*/ 165980 w 832919"/>
              <a:gd name="connsiteY4" fmla="*/ 618653 h 872150"/>
              <a:gd name="connsiteX5" fmla="*/ 175034 w 832919"/>
              <a:gd name="connsiteY5" fmla="*/ 672974 h 872150"/>
              <a:gd name="connsiteX6" fmla="*/ 184087 w 832919"/>
              <a:gd name="connsiteY6" fmla="*/ 688063 h 872150"/>
              <a:gd name="connsiteX7" fmla="*/ 178051 w 832919"/>
              <a:gd name="connsiteY7" fmla="*/ 733330 h 872150"/>
              <a:gd name="connsiteX8" fmla="*/ 187105 w 832919"/>
              <a:gd name="connsiteY8" fmla="*/ 781615 h 872150"/>
              <a:gd name="connsiteX9" fmla="*/ 172655 w 832919"/>
              <a:gd name="connsiteY9" fmla="*/ 848965 h 872150"/>
              <a:gd name="connsiteX10" fmla="*/ 259533 w 832919"/>
              <a:gd name="connsiteY10" fmla="*/ 872150 h 872150"/>
              <a:gd name="connsiteX11" fmla="*/ 383263 w 832919"/>
              <a:gd name="connsiteY11" fmla="*/ 863097 h 872150"/>
              <a:gd name="connsiteX12" fmla="*/ 652953 w 832919"/>
              <a:gd name="connsiteY12" fmla="*/ 841180 h 872150"/>
              <a:gd name="connsiteX13" fmla="*/ 700135 w 832919"/>
              <a:gd name="connsiteY13" fmla="*/ 851025 h 872150"/>
              <a:gd name="connsiteX14" fmla="*/ 706170 w 832919"/>
              <a:gd name="connsiteY14" fmla="*/ 772562 h 872150"/>
              <a:gd name="connsiteX15" fmla="*/ 724277 w 832919"/>
              <a:gd name="connsiteY15" fmla="*/ 751437 h 872150"/>
              <a:gd name="connsiteX16" fmla="*/ 781616 w 832919"/>
              <a:gd name="connsiteY16" fmla="*/ 766526 h 872150"/>
              <a:gd name="connsiteX17" fmla="*/ 805758 w 832919"/>
              <a:gd name="connsiteY17" fmla="*/ 757473 h 872150"/>
              <a:gd name="connsiteX18" fmla="*/ 784634 w 832919"/>
              <a:gd name="connsiteY18" fmla="*/ 651849 h 872150"/>
              <a:gd name="connsiteX19" fmla="*/ 796705 w 832919"/>
              <a:gd name="connsiteY19" fmla="*/ 642796 h 872150"/>
              <a:gd name="connsiteX20" fmla="*/ 796705 w 832919"/>
              <a:gd name="connsiteY20" fmla="*/ 585457 h 872150"/>
              <a:gd name="connsiteX21" fmla="*/ 817830 w 832919"/>
              <a:gd name="connsiteY21" fmla="*/ 519065 h 872150"/>
              <a:gd name="connsiteX22" fmla="*/ 832919 w 832919"/>
              <a:gd name="connsiteY22" fmla="*/ 482851 h 872150"/>
              <a:gd name="connsiteX23" fmla="*/ 832919 w 832919"/>
              <a:gd name="connsiteY23" fmla="*/ 464744 h 872150"/>
              <a:gd name="connsiteX24" fmla="*/ 805758 w 832919"/>
              <a:gd name="connsiteY24" fmla="*/ 461726 h 872150"/>
              <a:gd name="connsiteX25" fmla="*/ 793687 w 832919"/>
              <a:gd name="connsiteY25" fmla="*/ 431548 h 872150"/>
              <a:gd name="connsiteX26" fmla="*/ 724277 w 832919"/>
              <a:gd name="connsiteY26" fmla="*/ 359120 h 872150"/>
              <a:gd name="connsiteX27" fmla="*/ 712206 w 832919"/>
              <a:gd name="connsiteY27" fmla="*/ 307817 h 872150"/>
              <a:gd name="connsiteX28" fmla="*/ 636760 w 832919"/>
              <a:gd name="connsiteY28" fmla="*/ 271604 h 872150"/>
              <a:gd name="connsiteX29" fmla="*/ 564333 w 832919"/>
              <a:gd name="connsiteY29" fmla="*/ 196158 h 872150"/>
              <a:gd name="connsiteX30" fmla="*/ 531137 w 832919"/>
              <a:gd name="connsiteY30" fmla="*/ 175033 h 872150"/>
              <a:gd name="connsiteX31" fmla="*/ 488887 w 832919"/>
              <a:gd name="connsiteY31" fmla="*/ 156926 h 872150"/>
              <a:gd name="connsiteX32" fmla="*/ 470780 w 832919"/>
              <a:gd name="connsiteY32" fmla="*/ 150891 h 872150"/>
              <a:gd name="connsiteX33" fmla="*/ 434566 w 832919"/>
              <a:gd name="connsiteY33" fmla="*/ 99588 h 872150"/>
              <a:gd name="connsiteX34" fmla="*/ 377228 w 832919"/>
              <a:gd name="connsiteY34" fmla="*/ 63374 h 872150"/>
              <a:gd name="connsiteX35" fmla="*/ 371192 w 832919"/>
              <a:gd name="connsiteY35" fmla="*/ 36213 h 872150"/>
              <a:gd name="connsiteX36" fmla="*/ 371192 w 832919"/>
              <a:gd name="connsiteY36" fmla="*/ 0 h 872150"/>
              <a:gd name="connsiteX37" fmla="*/ 205212 w 832919"/>
              <a:gd name="connsiteY37" fmla="*/ 45267 h 872150"/>
              <a:gd name="connsiteX38" fmla="*/ 0 w 832919"/>
              <a:gd name="connsiteY38" fmla="*/ 87516 h 872150"/>
              <a:gd name="connsiteX0" fmla="*/ 0 w 832919"/>
              <a:gd name="connsiteY0" fmla="*/ 87516 h 872150"/>
              <a:gd name="connsiteX1" fmla="*/ 69410 w 832919"/>
              <a:gd name="connsiteY1" fmla="*/ 262550 h 872150"/>
              <a:gd name="connsiteX2" fmla="*/ 141838 w 832919"/>
              <a:gd name="connsiteY2" fmla="*/ 510011 h 872150"/>
              <a:gd name="connsiteX3" fmla="*/ 187105 w 832919"/>
              <a:gd name="connsiteY3" fmla="*/ 576404 h 872150"/>
              <a:gd name="connsiteX4" fmla="*/ 165980 w 832919"/>
              <a:gd name="connsiteY4" fmla="*/ 618653 h 872150"/>
              <a:gd name="connsiteX5" fmla="*/ 175034 w 832919"/>
              <a:gd name="connsiteY5" fmla="*/ 672974 h 872150"/>
              <a:gd name="connsiteX6" fmla="*/ 184087 w 832919"/>
              <a:gd name="connsiteY6" fmla="*/ 688063 h 872150"/>
              <a:gd name="connsiteX7" fmla="*/ 178051 w 832919"/>
              <a:gd name="connsiteY7" fmla="*/ 733330 h 872150"/>
              <a:gd name="connsiteX8" fmla="*/ 187105 w 832919"/>
              <a:gd name="connsiteY8" fmla="*/ 781615 h 872150"/>
              <a:gd name="connsiteX9" fmla="*/ 172655 w 832919"/>
              <a:gd name="connsiteY9" fmla="*/ 848965 h 872150"/>
              <a:gd name="connsiteX10" fmla="*/ 259533 w 832919"/>
              <a:gd name="connsiteY10" fmla="*/ 872150 h 872150"/>
              <a:gd name="connsiteX11" fmla="*/ 383263 w 832919"/>
              <a:gd name="connsiteY11" fmla="*/ 863097 h 872150"/>
              <a:gd name="connsiteX12" fmla="*/ 652953 w 832919"/>
              <a:gd name="connsiteY12" fmla="*/ 841180 h 872150"/>
              <a:gd name="connsiteX13" fmla="*/ 700135 w 832919"/>
              <a:gd name="connsiteY13" fmla="*/ 851025 h 872150"/>
              <a:gd name="connsiteX14" fmla="*/ 706170 w 832919"/>
              <a:gd name="connsiteY14" fmla="*/ 772562 h 872150"/>
              <a:gd name="connsiteX15" fmla="*/ 724277 w 832919"/>
              <a:gd name="connsiteY15" fmla="*/ 751437 h 872150"/>
              <a:gd name="connsiteX16" fmla="*/ 764958 w 832919"/>
              <a:gd name="connsiteY16" fmla="*/ 776057 h 872150"/>
              <a:gd name="connsiteX17" fmla="*/ 805758 w 832919"/>
              <a:gd name="connsiteY17" fmla="*/ 757473 h 872150"/>
              <a:gd name="connsiteX18" fmla="*/ 784634 w 832919"/>
              <a:gd name="connsiteY18" fmla="*/ 651849 h 872150"/>
              <a:gd name="connsiteX19" fmla="*/ 796705 w 832919"/>
              <a:gd name="connsiteY19" fmla="*/ 642796 h 872150"/>
              <a:gd name="connsiteX20" fmla="*/ 796705 w 832919"/>
              <a:gd name="connsiteY20" fmla="*/ 585457 h 872150"/>
              <a:gd name="connsiteX21" fmla="*/ 817830 w 832919"/>
              <a:gd name="connsiteY21" fmla="*/ 519065 h 872150"/>
              <a:gd name="connsiteX22" fmla="*/ 832919 w 832919"/>
              <a:gd name="connsiteY22" fmla="*/ 482851 h 872150"/>
              <a:gd name="connsiteX23" fmla="*/ 832919 w 832919"/>
              <a:gd name="connsiteY23" fmla="*/ 464744 h 872150"/>
              <a:gd name="connsiteX24" fmla="*/ 805758 w 832919"/>
              <a:gd name="connsiteY24" fmla="*/ 461726 h 872150"/>
              <a:gd name="connsiteX25" fmla="*/ 793687 w 832919"/>
              <a:gd name="connsiteY25" fmla="*/ 431548 h 872150"/>
              <a:gd name="connsiteX26" fmla="*/ 724277 w 832919"/>
              <a:gd name="connsiteY26" fmla="*/ 359120 h 872150"/>
              <a:gd name="connsiteX27" fmla="*/ 712206 w 832919"/>
              <a:gd name="connsiteY27" fmla="*/ 307817 h 872150"/>
              <a:gd name="connsiteX28" fmla="*/ 636760 w 832919"/>
              <a:gd name="connsiteY28" fmla="*/ 271604 h 872150"/>
              <a:gd name="connsiteX29" fmla="*/ 564333 w 832919"/>
              <a:gd name="connsiteY29" fmla="*/ 196158 h 872150"/>
              <a:gd name="connsiteX30" fmla="*/ 531137 w 832919"/>
              <a:gd name="connsiteY30" fmla="*/ 175033 h 872150"/>
              <a:gd name="connsiteX31" fmla="*/ 488887 w 832919"/>
              <a:gd name="connsiteY31" fmla="*/ 156926 h 872150"/>
              <a:gd name="connsiteX32" fmla="*/ 470780 w 832919"/>
              <a:gd name="connsiteY32" fmla="*/ 150891 h 872150"/>
              <a:gd name="connsiteX33" fmla="*/ 434566 w 832919"/>
              <a:gd name="connsiteY33" fmla="*/ 99588 h 872150"/>
              <a:gd name="connsiteX34" fmla="*/ 377228 w 832919"/>
              <a:gd name="connsiteY34" fmla="*/ 63374 h 872150"/>
              <a:gd name="connsiteX35" fmla="*/ 371192 w 832919"/>
              <a:gd name="connsiteY35" fmla="*/ 36213 h 872150"/>
              <a:gd name="connsiteX36" fmla="*/ 371192 w 832919"/>
              <a:gd name="connsiteY36" fmla="*/ 0 h 872150"/>
              <a:gd name="connsiteX37" fmla="*/ 205212 w 832919"/>
              <a:gd name="connsiteY37" fmla="*/ 45267 h 872150"/>
              <a:gd name="connsiteX38" fmla="*/ 0 w 832919"/>
              <a:gd name="connsiteY38" fmla="*/ 87516 h 872150"/>
              <a:gd name="connsiteX0" fmla="*/ 0 w 832919"/>
              <a:gd name="connsiteY0" fmla="*/ 87516 h 872150"/>
              <a:gd name="connsiteX1" fmla="*/ 69410 w 832919"/>
              <a:gd name="connsiteY1" fmla="*/ 262550 h 872150"/>
              <a:gd name="connsiteX2" fmla="*/ 141838 w 832919"/>
              <a:gd name="connsiteY2" fmla="*/ 510011 h 872150"/>
              <a:gd name="connsiteX3" fmla="*/ 187105 w 832919"/>
              <a:gd name="connsiteY3" fmla="*/ 576404 h 872150"/>
              <a:gd name="connsiteX4" fmla="*/ 165980 w 832919"/>
              <a:gd name="connsiteY4" fmla="*/ 618653 h 872150"/>
              <a:gd name="connsiteX5" fmla="*/ 175034 w 832919"/>
              <a:gd name="connsiteY5" fmla="*/ 672974 h 872150"/>
              <a:gd name="connsiteX6" fmla="*/ 184087 w 832919"/>
              <a:gd name="connsiteY6" fmla="*/ 688063 h 872150"/>
              <a:gd name="connsiteX7" fmla="*/ 178051 w 832919"/>
              <a:gd name="connsiteY7" fmla="*/ 733330 h 872150"/>
              <a:gd name="connsiteX8" fmla="*/ 187105 w 832919"/>
              <a:gd name="connsiteY8" fmla="*/ 781615 h 872150"/>
              <a:gd name="connsiteX9" fmla="*/ 172655 w 832919"/>
              <a:gd name="connsiteY9" fmla="*/ 848965 h 872150"/>
              <a:gd name="connsiteX10" fmla="*/ 259533 w 832919"/>
              <a:gd name="connsiteY10" fmla="*/ 872150 h 872150"/>
              <a:gd name="connsiteX11" fmla="*/ 383263 w 832919"/>
              <a:gd name="connsiteY11" fmla="*/ 863097 h 872150"/>
              <a:gd name="connsiteX12" fmla="*/ 652953 w 832919"/>
              <a:gd name="connsiteY12" fmla="*/ 841180 h 872150"/>
              <a:gd name="connsiteX13" fmla="*/ 700135 w 832919"/>
              <a:gd name="connsiteY13" fmla="*/ 851025 h 872150"/>
              <a:gd name="connsiteX14" fmla="*/ 706170 w 832919"/>
              <a:gd name="connsiteY14" fmla="*/ 772562 h 872150"/>
              <a:gd name="connsiteX15" fmla="*/ 724277 w 832919"/>
              <a:gd name="connsiteY15" fmla="*/ 751437 h 872150"/>
              <a:gd name="connsiteX16" fmla="*/ 764958 w 832919"/>
              <a:gd name="connsiteY16" fmla="*/ 776057 h 872150"/>
              <a:gd name="connsiteX17" fmla="*/ 805758 w 832919"/>
              <a:gd name="connsiteY17" fmla="*/ 757473 h 872150"/>
              <a:gd name="connsiteX18" fmla="*/ 784634 w 832919"/>
              <a:gd name="connsiteY18" fmla="*/ 651849 h 872150"/>
              <a:gd name="connsiteX19" fmla="*/ 796705 w 832919"/>
              <a:gd name="connsiteY19" fmla="*/ 642796 h 872150"/>
              <a:gd name="connsiteX20" fmla="*/ 796705 w 832919"/>
              <a:gd name="connsiteY20" fmla="*/ 585457 h 872150"/>
              <a:gd name="connsiteX21" fmla="*/ 817830 w 832919"/>
              <a:gd name="connsiteY21" fmla="*/ 519065 h 872150"/>
              <a:gd name="connsiteX22" fmla="*/ 832919 w 832919"/>
              <a:gd name="connsiteY22" fmla="*/ 464744 h 872150"/>
              <a:gd name="connsiteX23" fmla="*/ 805758 w 832919"/>
              <a:gd name="connsiteY23" fmla="*/ 461726 h 872150"/>
              <a:gd name="connsiteX24" fmla="*/ 793687 w 832919"/>
              <a:gd name="connsiteY24" fmla="*/ 431548 h 872150"/>
              <a:gd name="connsiteX25" fmla="*/ 724277 w 832919"/>
              <a:gd name="connsiteY25" fmla="*/ 359120 h 872150"/>
              <a:gd name="connsiteX26" fmla="*/ 712206 w 832919"/>
              <a:gd name="connsiteY26" fmla="*/ 307817 h 872150"/>
              <a:gd name="connsiteX27" fmla="*/ 636760 w 832919"/>
              <a:gd name="connsiteY27" fmla="*/ 271604 h 872150"/>
              <a:gd name="connsiteX28" fmla="*/ 564333 w 832919"/>
              <a:gd name="connsiteY28" fmla="*/ 196158 h 872150"/>
              <a:gd name="connsiteX29" fmla="*/ 531137 w 832919"/>
              <a:gd name="connsiteY29" fmla="*/ 175033 h 872150"/>
              <a:gd name="connsiteX30" fmla="*/ 488887 w 832919"/>
              <a:gd name="connsiteY30" fmla="*/ 156926 h 872150"/>
              <a:gd name="connsiteX31" fmla="*/ 470780 w 832919"/>
              <a:gd name="connsiteY31" fmla="*/ 150891 h 872150"/>
              <a:gd name="connsiteX32" fmla="*/ 434566 w 832919"/>
              <a:gd name="connsiteY32" fmla="*/ 99588 h 872150"/>
              <a:gd name="connsiteX33" fmla="*/ 377228 w 832919"/>
              <a:gd name="connsiteY33" fmla="*/ 63374 h 872150"/>
              <a:gd name="connsiteX34" fmla="*/ 371192 w 832919"/>
              <a:gd name="connsiteY34" fmla="*/ 36213 h 872150"/>
              <a:gd name="connsiteX35" fmla="*/ 371192 w 832919"/>
              <a:gd name="connsiteY35" fmla="*/ 0 h 872150"/>
              <a:gd name="connsiteX36" fmla="*/ 205212 w 832919"/>
              <a:gd name="connsiteY36" fmla="*/ 45267 h 872150"/>
              <a:gd name="connsiteX37" fmla="*/ 0 w 832919"/>
              <a:gd name="connsiteY37" fmla="*/ 87516 h 872150"/>
              <a:gd name="connsiteX0" fmla="*/ 0 w 825779"/>
              <a:gd name="connsiteY0" fmla="*/ 87516 h 872150"/>
              <a:gd name="connsiteX1" fmla="*/ 69410 w 825779"/>
              <a:gd name="connsiteY1" fmla="*/ 262550 h 872150"/>
              <a:gd name="connsiteX2" fmla="*/ 141838 w 825779"/>
              <a:gd name="connsiteY2" fmla="*/ 510011 h 872150"/>
              <a:gd name="connsiteX3" fmla="*/ 187105 w 825779"/>
              <a:gd name="connsiteY3" fmla="*/ 576404 h 872150"/>
              <a:gd name="connsiteX4" fmla="*/ 165980 w 825779"/>
              <a:gd name="connsiteY4" fmla="*/ 618653 h 872150"/>
              <a:gd name="connsiteX5" fmla="*/ 175034 w 825779"/>
              <a:gd name="connsiteY5" fmla="*/ 672974 h 872150"/>
              <a:gd name="connsiteX6" fmla="*/ 184087 w 825779"/>
              <a:gd name="connsiteY6" fmla="*/ 688063 h 872150"/>
              <a:gd name="connsiteX7" fmla="*/ 178051 w 825779"/>
              <a:gd name="connsiteY7" fmla="*/ 733330 h 872150"/>
              <a:gd name="connsiteX8" fmla="*/ 187105 w 825779"/>
              <a:gd name="connsiteY8" fmla="*/ 781615 h 872150"/>
              <a:gd name="connsiteX9" fmla="*/ 172655 w 825779"/>
              <a:gd name="connsiteY9" fmla="*/ 848965 h 872150"/>
              <a:gd name="connsiteX10" fmla="*/ 259533 w 825779"/>
              <a:gd name="connsiteY10" fmla="*/ 872150 h 872150"/>
              <a:gd name="connsiteX11" fmla="*/ 383263 w 825779"/>
              <a:gd name="connsiteY11" fmla="*/ 863097 h 872150"/>
              <a:gd name="connsiteX12" fmla="*/ 652953 w 825779"/>
              <a:gd name="connsiteY12" fmla="*/ 841180 h 872150"/>
              <a:gd name="connsiteX13" fmla="*/ 700135 w 825779"/>
              <a:gd name="connsiteY13" fmla="*/ 851025 h 872150"/>
              <a:gd name="connsiteX14" fmla="*/ 706170 w 825779"/>
              <a:gd name="connsiteY14" fmla="*/ 772562 h 872150"/>
              <a:gd name="connsiteX15" fmla="*/ 724277 w 825779"/>
              <a:gd name="connsiteY15" fmla="*/ 751437 h 872150"/>
              <a:gd name="connsiteX16" fmla="*/ 764958 w 825779"/>
              <a:gd name="connsiteY16" fmla="*/ 776057 h 872150"/>
              <a:gd name="connsiteX17" fmla="*/ 805758 w 825779"/>
              <a:gd name="connsiteY17" fmla="*/ 757473 h 872150"/>
              <a:gd name="connsiteX18" fmla="*/ 784634 w 825779"/>
              <a:gd name="connsiteY18" fmla="*/ 651849 h 872150"/>
              <a:gd name="connsiteX19" fmla="*/ 796705 w 825779"/>
              <a:gd name="connsiteY19" fmla="*/ 642796 h 872150"/>
              <a:gd name="connsiteX20" fmla="*/ 796705 w 825779"/>
              <a:gd name="connsiteY20" fmla="*/ 585457 h 872150"/>
              <a:gd name="connsiteX21" fmla="*/ 817830 w 825779"/>
              <a:gd name="connsiteY21" fmla="*/ 519065 h 872150"/>
              <a:gd name="connsiteX22" fmla="*/ 825779 w 825779"/>
              <a:gd name="connsiteY22" fmla="*/ 469510 h 872150"/>
              <a:gd name="connsiteX23" fmla="*/ 805758 w 825779"/>
              <a:gd name="connsiteY23" fmla="*/ 461726 h 872150"/>
              <a:gd name="connsiteX24" fmla="*/ 793687 w 825779"/>
              <a:gd name="connsiteY24" fmla="*/ 431548 h 872150"/>
              <a:gd name="connsiteX25" fmla="*/ 724277 w 825779"/>
              <a:gd name="connsiteY25" fmla="*/ 359120 h 872150"/>
              <a:gd name="connsiteX26" fmla="*/ 712206 w 825779"/>
              <a:gd name="connsiteY26" fmla="*/ 307817 h 872150"/>
              <a:gd name="connsiteX27" fmla="*/ 636760 w 825779"/>
              <a:gd name="connsiteY27" fmla="*/ 271604 h 872150"/>
              <a:gd name="connsiteX28" fmla="*/ 564333 w 825779"/>
              <a:gd name="connsiteY28" fmla="*/ 196158 h 872150"/>
              <a:gd name="connsiteX29" fmla="*/ 531137 w 825779"/>
              <a:gd name="connsiteY29" fmla="*/ 175033 h 872150"/>
              <a:gd name="connsiteX30" fmla="*/ 488887 w 825779"/>
              <a:gd name="connsiteY30" fmla="*/ 156926 h 872150"/>
              <a:gd name="connsiteX31" fmla="*/ 470780 w 825779"/>
              <a:gd name="connsiteY31" fmla="*/ 150891 h 872150"/>
              <a:gd name="connsiteX32" fmla="*/ 434566 w 825779"/>
              <a:gd name="connsiteY32" fmla="*/ 99588 h 872150"/>
              <a:gd name="connsiteX33" fmla="*/ 377228 w 825779"/>
              <a:gd name="connsiteY33" fmla="*/ 63374 h 872150"/>
              <a:gd name="connsiteX34" fmla="*/ 371192 w 825779"/>
              <a:gd name="connsiteY34" fmla="*/ 36213 h 872150"/>
              <a:gd name="connsiteX35" fmla="*/ 371192 w 825779"/>
              <a:gd name="connsiteY35" fmla="*/ 0 h 872150"/>
              <a:gd name="connsiteX36" fmla="*/ 205212 w 825779"/>
              <a:gd name="connsiteY36" fmla="*/ 45267 h 872150"/>
              <a:gd name="connsiteX37" fmla="*/ 0 w 825779"/>
              <a:gd name="connsiteY37" fmla="*/ 87516 h 8721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</a:cxnLst>
            <a:rect l="l" t="t" r="r" b="b"/>
            <a:pathLst>
              <a:path w="825779" h="872150">
                <a:moveTo>
                  <a:pt x="0" y="87516"/>
                </a:moveTo>
                <a:lnTo>
                  <a:pt x="69410" y="262550"/>
                </a:lnTo>
                <a:lnTo>
                  <a:pt x="141838" y="510011"/>
                </a:lnTo>
                <a:lnTo>
                  <a:pt x="187105" y="576404"/>
                </a:lnTo>
                <a:lnTo>
                  <a:pt x="165980" y="618653"/>
                </a:lnTo>
                <a:lnTo>
                  <a:pt x="175034" y="672974"/>
                </a:lnTo>
                <a:lnTo>
                  <a:pt x="184087" y="688063"/>
                </a:lnTo>
                <a:lnTo>
                  <a:pt x="178051" y="733330"/>
                </a:lnTo>
                <a:lnTo>
                  <a:pt x="187105" y="781615"/>
                </a:lnTo>
                <a:lnTo>
                  <a:pt x="172655" y="848965"/>
                </a:lnTo>
                <a:lnTo>
                  <a:pt x="259533" y="872150"/>
                </a:lnTo>
                <a:lnTo>
                  <a:pt x="383263" y="863097"/>
                </a:lnTo>
                <a:lnTo>
                  <a:pt x="652953" y="841180"/>
                </a:lnTo>
                <a:lnTo>
                  <a:pt x="700135" y="851025"/>
                </a:lnTo>
                <a:lnTo>
                  <a:pt x="706170" y="772562"/>
                </a:lnTo>
                <a:lnTo>
                  <a:pt x="724277" y="751437"/>
                </a:lnTo>
                <a:lnTo>
                  <a:pt x="764958" y="776057"/>
                </a:lnTo>
                <a:lnTo>
                  <a:pt x="805758" y="757473"/>
                </a:lnTo>
                <a:lnTo>
                  <a:pt x="784634" y="651849"/>
                </a:lnTo>
                <a:lnTo>
                  <a:pt x="796705" y="642796"/>
                </a:lnTo>
                <a:lnTo>
                  <a:pt x="796705" y="585457"/>
                </a:lnTo>
                <a:lnTo>
                  <a:pt x="817830" y="519065"/>
                </a:lnTo>
                <a:lnTo>
                  <a:pt x="825779" y="469510"/>
                </a:lnTo>
                <a:lnTo>
                  <a:pt x="805758" y="461726"/>
                </a:lnTo>
                <a:lnTo>
                  <a:pt x="793687" y="431548"/>
                </a:lnTo>
                <a:lnTo>
                  <a:pt x="724277" y="359120"/>
                </a:lnTo>
                <a:lnTo>
                  <a:pt x="712206" y="307817"/>
                </a:lnTo>
                <a:lnTo>
                  <a:pt x="636760" y="271604"/>
                </a:lnTo>
                <a:lnTo>
                  <a:pt x="564333" y="196158"/>
                </a:lnTo>
                <a:lnTo>
                  <a:pt x="531137" y="175033"/>
                </a:lnTo>
                <a:lnTo>
                  <a:pt x="488887" y="156926"/>
                </a:lnTo>
                <a:lnTo>
                  <a:pt x="470780" y="150891"/>
                </a:lnTo>
                <a:lnTo>
                  <a:pt x="434566" y="99588"/>
                </a:lnTo>
                <a:lnTo>
                  <a:pt x="377228" y="63374"/>
                </a:lnTo>
                <a:lnTo>
                  <a:pt x="371192" y="36213"/>
                </a:lnTo>
                <a:lnTo>
                  <a:pt x="371192" y="0"/>
                </a:lnTo>
                <a:lnTo>
                  <a:pt x="205212" y="45267"/>
                </a:lnTo>
                <a:lnTo>
                  <a:pt x="0" y="87516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49" name="Freeform 48"/>
          <p:cNvSpPr/>
          <p:nvPr userDrawn="1"/>
        </p:nvSpPr>
        <p:spPr>
          <a:xfrm rot="171972">
            <a:off x="6746325" y="3959313"/>
            <a:ext cx="760412" cy="584200"/>
          </a:xfrm>
          <a:custGeom>
            <a:avLst/>
            <a:gdLst>
              <a:gd name="connsiteX0" fmla="*/ 0 w 760491"/>
              <a:gd name="connsiteY0" fmla="*/ 111659 h 585457"/>
              <a:gd name="connsiteX1" fmla="*/ 9054 w 760491"/>
              <a:gd name="connsiteY1" fmla="*/ 184087 h 585457"/>
              <a:gd name="connsiteX2" fmla="*/ 57339 w 760491"/>
              <a:gd name="connsiteY2" fmla="*/ 217283 h 585457"/>
              <a:gd name="connsiteX3" fmla="*/ 99588 w 760491"/>
              <a:gd name="connsiteY3" fmla="*/ 277639 h 585457"/>
              <a:gd name="connsiteX4" fmla="*/ 190123 w 760491"/>
              <a:gd name="connsiteY4" fmla="*/ 307817 h 585457"/>
              <a:gd name="connsiteX5" fmla="*/ 262551 w 760491"/>
              <a:gd name="connsiteY5" fmla="*/ 395334 h 585457"/>
              <a:gd name="connsiteX6" fmla="*/ 344032 w 760491"/>
              <a:gd name="connsiteY6" fmla="*/ 422495 h 585457"/>
              <a:gd name="connsiteX7" fmla="*/ 359121 w 760491"/>
              <a:gd name="connsiteY7" fmla="*/ 491904 h 585457"/>
              <a:gd name="connsiteX8" fmla="*/ 434566 w 760491"/>
              <a:gd name="connsiteY8" fmla="*/ 576403 h 585457"/>
              <a:gd name="connsiteX9" fmla="*/ 455691 w 760491"/>
              <a:gd name="connsiteY9" fmla="*/ 585457 h 585457"/>
              <a:gd name="connsiteX10" fmla="*/ 473798 w 760491"/>
              <a:gd name="connsiteY10" fmla="*/ 540190 h 585457"/>
              <a:gd name="connsiteX11" fmla="*/ 470780 w 760491"/>
              <a:gd name="connsiteY11" fmla="*/ 500958 h 585457"/>
              <a:gd name="connsiteX12" fmla="*/ 500958 w 760491"/>
              <a:gd name="connsiteY12" fmla="*/ 513029 h 585457"/>
              <a:gd name="connsiteX13" fmla="*/ 510012 w 760491"/>
              <a:gd name="connsiteY13" fmla="*/ 473798 h 585457"/>
              <a:gd name="connsiteX14" fmla="*/ 546226 w 760491"/>
              <a:gd name="connsiteY14" fmla="*/ 470780 h 585457"/>
              <a:gd name="connsiteX15" fmla="*/ 594511 w 760491"/>
              <a:gd name="connsiteY15" fmla="*/ 425512 h 585457"/>
              <a:gd name="connsiteX16" fmla="*/ 609600 w 760491"/>
              <a:gd name="connsiteY16" fmla="*/ 374209 h 585457"/>
              <a:gd name="connsiteX17" fmla="*/ 639778 w 760491"/>
              <a:gd name="connsiteY17" fmla="*/ 362138 h 585457"/>
              <a:gd name="connsiteX18" fmla="*/ 651850 w 760491"/>
              <a:gd name="connsiteY18" fmla="*/ 331960 h 585457"/>
              <a:gd name="connsiteX19" fmla="*/ 672974 w 760491"/>
              <a:gd name="connsiteY19" fmla="*/ 271603 h 585457"/>
              <a:gd name="connsiteX20" fmla="*/ 709188 w 760491"/>
              <a:gd name="connsiteY20" fmla="*/ 256514 h 585457"/>
              <a:gd name="connsiteX21" fmla="*/ 733331 w 760491"/>
              <a:gd name="connsiteY21" fmla="*/ 193140 h 585457"/>
              <a:gd name="connsiteX22" fmla="*/ 760491 w 760491"/>
              <a:gd name="connsiteY22" fmla="*/ 135801 h 585457"/>
              <a:gd name="connsiteX23" fmla="*/ 564333 w 760491"/>
              <a:gd name="connsiteY23" fmla="*/ 0 h 585457"/>
              <a:gd name="connsiteX24" fmla="*/ 416459 w 760491"/>
              <a:gd name="connsiteY24" fmla="*/ 45267 h 585457"/>
              <a:gd name="connsiteX25" fmla="*/ 386281 w 760491"/>
              <a:gd name="connsiteY25" fmla="*/ 51302 h 585457"/>
              <a:gd name="connsiteX26" fmla="*/ 377228 w 760491"/>
              <a:gd name="connsiteY26" fmla="*/ 48285 h 585457"/>
              <a:gd name="connsiteX27" fmla="*/ 347050 w 760491"/>
              <a:gd name="connsiteY27" fmla="*/ 24142 h 585457"/>
              <a:gd name="connsiteX28" fmla="*/ 322907 w 760491"/>
              <a:gd name="connsiteY28" fmla="*/ 12071 h 585457"/>
              <a:gd name="connsiteX29" fmla="*/ 280657 w 760491"/>
              <a:gd name="connsiteY29" fmla="*/ 18106 h 585457"/>
              <a:gd name="connsiteX30" fmla="*/ 229354 w 760491"/>
              <a:gd name="connsiteY30" fmla="*/ 27160 h 585457"/>
              <a:gd name="connsiteX31" fmla="*/ 187105 w 760491"/>
              <a:gd name="connsiteY31" fmla="*/ 27160 h 585457"/>
              <a:gd name="connsiteX32" fmla="*/ 147873 w 760491"/>
              <a:gd name="connsiteY32" fmla="*/ 45267 h 585457"/>
              <a:gd name="connsiteX33" fmla="*/ 0 w 760491"/>
              <a:gd name="connsiteY33" fmla="*/ 111659 h 585457"/>
              <a:gd name="connsiteX0" fmla="*/ 0 w 760491"/>
              <a:gd name="connsiteY0" fmla="*/ 111659 h 585457"/>
              <a:gd name="connsiteX1" fmla="*/ 1909 w 760491"/>
              <a:gd name="connsiteY1" fmla="*/ 184087 h 585457"/>
              <a:gd name="connsiteX2" fmla="*/ 57339 w 760491"/>
              <a:gd name="connsiteY2" fmla="*/ 217283 h 585457"/>
              <a:gd name="connsiteX3" fmla="*/ 99588 w 760491"/>
              <a:gd name="connsiteY3" fmla="*/ 277639 h 585457"/>
              <a:gd name="connsiteX4" fmla="*/ 190123 w 760491"/>
              <a:gd name="connsiteY4" fmla="*/ 307817 h 585457"/>
              <a:gd name="connsiteX5" fmla="*/ 262551 w 760491"/>
              <a:gd name="connsiteY5" fmla="*/ 395334 h 585457"/>
              <a:gd name="connsiteX6" fmla="*/ 344032 w 760491"/>
              <a:gd name="connsiteY6" fmla="*/ 422495 h 585457"/>
              <a:gd name="connsiteX7" fmla="*/ 359121 w 760491"/>
              <a:gd name="connsiteY7" fmla="*/ 491904 h 585457"/>
              <a:gd name="connsiteX8" fmla="*/ 434566 w 760491"/>
              <a:gd name="connsiteY8" fmla="*/ 576403 h 585457"/>
              <a:gd name="connsiteX9" fmla="*/ 455691 w 760491"/>
              <a:gd name="connsiteY9" fmla="*/ 585457 h 585457"/>
              <a:gd name="connsiteX10" fmla="*/ 473798 w 760491"/>
              <a:gd name="connsiteY10" fmla="*/ 540190 h 585457"/>
              <a:gd name="connsiteX11" fmla="*/ 470780 w 760491"/>
              <a:gd name="connsiteY11" fmla="*/ 500958 h 585457"/>
              <a:gd name="connsiteX12" fmla="*/ 500958 w 760491"/>
              <a:gd name="connsiteY12" fmla="*/ 513029 h 585457"/>
              <a:gd name="connsiteX13" fmla="*/ 510012 w 760491"/>
              <a:gd name="connsiteY13" fmla="*/ 473798 h 585457"/>
              <a:gd name="connsiteX14" fmla="*/ 546226 w 760491"/>
              <a:gd name="connsiteY14" fmla="*/ 470780 h 585457"/>
              <a:gd name="connsiteX15" fmla="*/ 594511 w 760491"/>
              <a:gd name="connsiteY15" fmla="*/ 425512 h 585457"/>
              <a:gd name="connsiteX16" fmla="*/ 609600 w 760491"/>
              <a:gd name="connsiteY16" fmla="*/ 374209 h 585457"/>
              <a:gd name="connsiteX17" fmla="*/ 639778 w 760491"/>
              <a:gd name="connsiteY17" fmla="*/ 362138 h 585457"/>
              <a:gd name="connsiteX18" fmla="*/ 651850 w 760491"/>
              <a:gd name="connsiteY18" fmla="*/ 331960 h 585457"/>
              <a:gd name="connsiteX19" fmla="*/ 672974 w 760491"/>
              <a:gd name="connsiteY19" fmla="*/ 271603 h 585457"/>
              <a:gd name="connsiteX20" fmla="*/ 709188 w 760491"/>
              <a:gd name="connsiteY20" fmla="*/ 256514 h 585457"/>
              <a:gd name="connsiteX21" fmla="*/ 733331 w 760491"/>
              <a:gd name="connsiteY21" fmla="*/ 193140 h 585457"/>
              <a:gd name="connsiteX22" fmla="*/ 760491 w 760491"/>
              <a:gd name="connsiteY22" fmla="*/ 135801 h 585457"/>
              <a:gd name="connsiteX23" fmla="*/ 564333 w 760491"/>
              <a:gd name="connsiteY23" fmla="*/ 0 h 585457"/>
              <a:gd name="connsiteX24" fmla="*/ 416459 w 760491"/>
              <a:gd name="connsiteY24" fmla="*/ 45267 h 585457"/>
              <a:gd name="connsiteX25" fmla="*/ 386281 w 760491"/>
              <a:gd name="connsiteY25" fmla="*/ 51302 h 585457"/>
              <a:gd name="connsiteX26" fmla="*/ 377228 w 760491"/>
              <a:gd name="connsiteY26" fmla="*/ 48285 h 585457"/>
              <a:gd name="connsiteX27" fmla="*/ 347050 w 760491"/>
              <a:gd name="connsiteY27" fmla="*/ 24142 h 585457"/>
              <a:gd name="connsiteX28" fmla="*/ 322907 w 760491"/>
              <a:gd name="connsiteY28" fmla="*/ 12071 h 585457"/>
              <a:gd name="connsiteX29" fmla="*/ 280657 w 760491"/>
              <a:gd name="connsiteY29" fmla="*/ 18106 h 585457"/>
              <a:gd name="connsiteX30" fmla="*/ 229354 w 760491"/>
              <a:gd name="connsiteY30" fmla="*/ 27160 h 585457"/>
              <a:gd name="connsiteX31" fmla="*/ 187105 w 760491"/>
              <a:gd name="connsiteY31" fmla="*/ 27160 h 585457"/>
              <a:gd name="connsiteX32" fmla="*/ 147873 w 760491"/>
              <a:gd name="connsiteY32" fmla="*/ 45267 h 585457"/>
              <a:gd name="connsiteX33" fmla="*/ 0 w 760491"/>
              <a:gd name="connsiteY33" fmla="*/ 111659 h 5854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760491" h="585457">
                <a:moveTo>
                  <a:pt x="0" y="111659"/>
                </a:moveTo>
                <a:cubicBezTo>
                  <a:pt x="636" y="135802"/>
                  <a:pt x="1273" y="159944"/>
                  <a:pt x="1909" y="184087"/>
                </a:cubicBezTo>
                <a:lnTo>
                  <a:pt x="57339" y="217283"/>
                </a:lnTo>
                <a:lnTo>
                  <a:pt x="99588" y="277639"/>
                </a:lnTo>
                <a:lnTo>
                  <a:pt x="190123" y="307817"/>
                </a:lnTo>
                <a:lnTo>
                  <a:pt x="262551" y="395334"/>
                </a:lnTo>
                <a:lnTo>
                  <a:pt x="344032" y="422495"/>
                </a:lnTo>
                <a:lnTo>
                  <a:pt x="359121" y="491904"/>
                </a:lnTo>
                <a:lnTo>
                  <a:pt x="434566" y="576403"/>
                </a:lnTo>
                <a:lnTo>
                  <a:pt x="455691" y="585457"/>
                </a:lnTo>
                <a:lnTo>
                  <a:pt x="473798" y="540190"/>
                </a:lnTo>
                <a:lnTo>
                  <a:pt x="470780" y="500958"/>
                </a:lnTo>
                <a:lnTo>
                  <a:pt x="500958" y="513029"/>
                </a:lnTo>
                <a:lnTo>
                  <a:pt x="510012" y="473798"/>
                </a:lnTo>
                <a:lnTo>
                  <a:pt x="546226" y="470780"/>
                </a:lnTo>
                <a:lnTo>
                  <a:pt x="594511" y="425512"/>
                </a:lnTo>
                <a:lnTo>
                  <a:pt x="609600" y="374209"/>
                </a:lnTo>
                <a:lnTo>
                  <a:pt x="639778" y="362138"/>
                </a:lnTo>
                <a:lnTo>
                  <a:pt x="651850" y="331960"/>
                </a:lnTo>
                <a:lnTo>
                  <a:pt x="672974" y="271603"/>
                </a:lnTo>
                <a:lnTo>
                  <a:pt x="709188" y="256514"/>
                </a:lnTo>
                <a:lnTo>
                  <a:pt x="733331" y="193140"/>
                </a:lnTo>
                <a:lnTo>
                  <a:pt x="760491" y="135801"/>
                </a:lnTo>
                <a:lnTo>
                  <a:pt x="564333" y="0"/>
                </a:lnTo>
                <a:lnTo>
                  <a:pt x="416459" y="45267"/>
                </a:lnTo>
                <a:lnTo>
                  <a:pt x="386281" y="51302"/>
                </a:lnTo>
                <a:lnTo>
                  <a:pt x="377228" y="48285"/>
                </a:lnTo>
                <a:lnTo>
                  <a:pt x="347050" y="24142"/>
                </a:lnTo>
                <a:lnTo>
                  <a:pt x="322907" y="12071"/>
                </a:lnTo>
                <a:lnTo>
                  <a:pt x="280657" y="18106"/>
                </a:lnTo>
                <a:lnTo>
                  <a:pt x="229354" y="27160"/>
                </a:lnTo>
                <a:lnTo>
                  <a:pt x="187105" y="27160"/>
                </a:lnTo>
                <a:lnTo>
                  <a:pt x="147873" y="45267"/>
                </a:lnTo>
                <a:lnTo>
                  <a:pt x="0" y="111659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0" name="Freeform 49"/>
          <p:cNvSpPr/>
          <p:nvPr userDrawn="1"/>
        </p:nvSpPr>
        <p:spPr>
          <a:xfrm rot="171972">
            <a:off x="5812248" y="3302638"/>
            <a:ext cx="1031875" cy="612775"/>
          </a:xfrm>
          <a:custGeom>
            <a:avLst/>
            <a:gdLst>
              <a:gd name="connsiteX0" fmla="*/ 132784 w 1023042"/>
              <a:gd name="connsiteY0" fmla="*/ 350067 h 612618"/>
              <a:gd name="connsiteX1" fmla="*/ 141838 w 1023042"/>
              <a:gd name="connsiteY1" fmla="*/ 425513 h 612618"/>
              <a:gd name="connsiteX2" fmla="*/ 93553 w 1023042"/>
              <a:gd name="connsiteY2" fmla="*/ 452673 h 612618"/>
              <a:gd name="connsiteX3" fmla="*/ 90535 w 1023042"/>
              <a:gd name="connsiteY3" fmla="*/ 488887 h 612618"/>
              <a:gd name="connsiteX4" fmla="*/ 90535 w 1023042"/>
              <a:gd name="connsiteY4" fmla="*/ 503976 h 612618"/>
              <a:gd name="connsiteX5" fmla="*/ 0 w 1023042"/>
              <a:gd name="connsiteY5" fmla="*/ 482851 h 612618"/>
              <a:gd name="connsiteX6" fmla="*/ 0 w 1023042"/>
              <a:gd name="connsiteY6" fmla="*/ 570368 h 612618"/>
              <a:gd name="connsiteX7" fmla="*/ 15089 w 1023042"/>
              <a:gd name="connsiteY7" fmla="*/ 612618 h 612618"/>
              <a:gd name="connsiteX8" fmla="*/ 75446 w 1023042"/>
              <a:gd name="connsiteY8" fmla="*/ 609600 h 612618"/>
              <a:gd name="connsiteX9" fmla="*/ 135802 w 1023042"/>
              <a:gd name="connsiteY9" fmla="*/ 597529 h 612618"/>
              <a:gd name="connsiteX10" fmla="*/ 208230 w 1023042"/>
              <a:gd name="connsiteY10" fmla="*/ 564333 h 612618"/>
              <a:gd name="connsiteX11" fmla="*/ 310836 w 1023042"/>
              <a:gd name="connsiteY11" fmla="*/ 549243 h 612618"/>
              <a:gd name="connsiteX12" fmla="*/ 449656 w 1023042"/>
              <a:gd name="connsiteY12" fmla="*/ 522083 h 612618"/>
              <a:gd name="connsiteX13" fmla="*/ 624689 w 1023042"/>
              <a:gd name="connsiteY13" fmla="*/ 488887 h 612618"/>
              <a:gd name="connsiteX14" fmla="*/ 781616 w 1023042"/>
              <a:gd name="connsiteY14" fmla="*/ 464744 h 612618"/>
              <a:gd name="connsiteX15" fmla="*/ 841972 w 1023042"/>
              <a:gd name="connsiteY15" fmla="*/ 446637 h 612618"/>
              <a:gd name="connsiteX16" fmla="*/ 881204 w 1023042"/>
              <a:gd name="connsiteY16" fmla="*/ 404388 h 612618"/>
              <a:gd name="connsiteX17" fmla="*/ 941560 w 1023042"/>
              <a:gd name="connsiteY17" fmla="*/ 356103 h 612618"/>
              <a:gd name="connsiteX18" fmla="*/ 962685 w 1023042"/>
              <a:gd name="connsiteY18" fmla="*/ 301782 h 612618"/>
              <a:gd name="connsiteX19" fmla="*/ 989846 w 1023042"/>
              <a:gd name="connsiteY19" fmla="*/ 274622 h 612618"/>
              <a:gd name="connsiteX20" fmla="*/ 1023042 w 1023042"/>
              <a:gd name="connsiteY20" fmla="*/ 241426 h 612618"/>
              <a:gd name="connsiteX21" fmla="*/ 1010970 w 1023042"/>
              <a:gd name="connsiteY21" fmla="*/ 190123 h 612618"/>
              <a:gd name="connsiteX22" fmla="*/ 959667 w 1023042"/>
              <a:gd name="connsiteY22" fmla="*/ 156927 h 612618"/>
              <a:gd name="connsiteX23" fmla="*/ 932507 w 1023042"/>
              <a:gd name="connsiteY23" fmla="*/ 57338 h 612618"/>
              <a:gd name="connsiteX24" fmla="*/ 917418 w 1023042"/>
              <a:gd name="connsiteY24" fmla="*/ 54321 h 612618"/>
              <a:gd name="connsiteX25" fmla="*/ 899311 w 1023042"/>
              <a:gd name="connsiteY25" fmla="*/ 33196 h 612618"/>
              <a:gd name="connsiteX26" fmla="*/ 878186 w 1023042"/>
              <a:gd name="connsiteY26" fmla="*/ 27160 h 612618"/>
              <a:gd name="connsiteX27" fmla="*/ 860079 w 1023042"/>
              <a:gd name="connsiteY27" fmla="*/ 0 h 612618"/>
              <a:gd name="connsiteX28" fmla="*/ 817830 w 1023042"/>
              <a:gd name="connsiteY28" fmla="*/ 21125 h 612618"/>
              <a:gd name="connsiteX29" fmla="*/ 754456 w 1023042"/>
              <a:gd name="connsiteY29" fmla="*/ 30178 h 612618"/>
              <a:gd name="connsiteX30" fmla="*/ 715224 w 1023042"/>
              <a:gd name="connsiteY30" fmla="*/ 30178 h 612618"/>
              <a:gd name="connsiteX31" fmla="*/ 654867 w 1023042"/>
              <a:gd name="connsiteY31" fmla="*/ 36214 h 612618"/>
              <a:gd name="connsiteX32" fmla="*/ 618654 w 1023042"/>
              <a:gd name="connsiteY32" fmla="*/ 18107 h 612618"/>
              <a:gd name="connsiteX33" fmla="*/ 582440 w 1023042"/>
              <a:gd name="connsiteY33" fmla="*/ 6036 h 612618"/>
              <a:gd name="connsiteX34" fmla="*/ 561315 w 1023042"/>
              <a:gd name="connsiteY34" fmla="*/ 27160 h 612618"/>
              <a:gd name="connsiteX35" fmla="*/ 588475 w 1023042"/>
              <a:gd name="connsiteY35" fmla="*/ 60356 h 612618"/>
              <a:gd name="connsiteX36" fmla="*/ 591493 w 1023042"/>
              <a:gd name="connsiteY36" fmla="*/ 84499 h 612618"/>
              <a:gd name="connsiteX37" fmla="*/ 546226 w 1023042"/>
              <a:gd name="connsiteY37" fmla="*/ 96570 h 612618"/>
              <a:gd name="connsiteX38" fmla="*/ 513030 w 1023042"/>
              <a:gd name="connsiteY38" fmla="*/ 108641 h 612618"/>
              <a:gd name="connsiteX39" fmla="*/ 473798 w 1023042"/>
              <a:gd name="connsiteY39" fmla="*/ 117695 h 612618"/>
              <a:gd name="connsiteX40" fmla="*/ 473798 w 1023042"/>
              <a:gd name="connsiteY40" fmla="*/ 181069 h 612618"/>
              <a:gd name="connsiteX41" fmla="*/ 437584 w 1023042"/>
              <a:gd name="connsiteY41" fmla="*/ 214265 h 612618"/>
              <a:gd name="connsiteX42" fmla="*/ 416459 w 1023042"/>
              <a:gd name="connsiteY42" fmla="*/ 247461 h 612618"/>
              <a:gd name="connsiteX43" fmla="*/ 392317 w 1023042"/>
              <a:gd name="connsiteY43" fmla="*/ 259533 h 612618"/>
              <a:gd name="connsiteX44" fmla="*/ 365157 w 1023042"/>
              <a:gd name="connsiteY44" fmla="*/ 235390 h 612618"/>
              <a:gd name="connsiteX45" fmla="*/ 356103 w 1023042"/>
              <a:gd name="connsiteY45" fmla="*/ 253497 h 612618"/>
              <a:gd name="connsiteX46" fmla="*/ 356103 w 1023042"/>
              <a:gd name="connsiteY46" fmla="*/ 277639 h 612618"/>
              <a:gd name="connsiteX47" fmla="*/ 356103 w 1023042"/>
              <a:gd name="connsiteY47" fmla="*/ 298764 h 612618"/>
              <a:gd name="connsiteX48" fmla="*/ 334978 w 1023042"/>
              <a:gd name="connsiteY48" fmla="*/ 286693 h 612618"/>
              <a:gd name="connsiteX49" fmla="*/ 316871 w 1023042"/>
              <a:gd name="connsiteY49" fmla="*/ 283675 h 612618"/>
              <a:gd name="connsiteX50" fmla="*/ 277640 w 1023042"/>
              <a:gd name="connsiteY50" fmla="*/ 316871 h 612618"/>
              <a:gd name="connsiteX51" fmla="*/ 262551 w 1023042"/>
              <a:gd name="connsiteY51" fmla="*/ 328942 h 612618"/>
              <a:gd name="connsiteX52" fmla="*/ 229355 w 1023042"/>
              <a:gd name="connsiteY52" fmla="*/ 334978 h 612618"/>
              <a:gd name="connsiteX53" fmla="*/ 211248 w 1023042"/>
              <a:gd name="connsiteY53" fmla="*/ 316871 h 612618"/>
              <a:gd name="connsiteX54" fmla="*/ 196158 w 1023042"/>
              <a:gd name="connsiteY54" fmla="*/ 310836 h 612618"/>
              <a:gd name="connsiteX55" fmla="*/ 132784 w 1023042"/>
              <a:gd name="connsiteY55" fmla="*/ 350067 h 612618"/>
              <a:gd name="connsiteX0" fmla="*/ 132784 w 1023042"/>
              <a:gd name="connsiteY0" fmla="*/ 350067 h 612618"/>
              <a:gd name="connsiteX1" fmla="*/ 141838 w 1023042"/>
              <a:gd name="connsiteY1" fmla="*/ 425513 h 612618"/>
              <a:gd name="connsiteX2" fmla="*/ 93553 w 1023042"/>
              <a:gd name="connsiteY2" fmla="*/ 452673 h 612618"/>
              <a:gd name="connsiteX3" fmla="*/ 90535 w 1023042"/>
              <a:gd name="connsiteY3" fmla="*/ 488887 h 612618"/>
              <a:gd name="connsiteX4" fmla="*/ 90535 w 1023042"/>
              <a:gd name="connsiteY4" fmla="*/ 503976 h 612618"/>
              <a:gd name="connsiteX5" fmla="*/ 0 w 1023042"/>
              <a:gd name="connsiteY5" fmla="*/ 482851 h 612618"/>
              <a:gd name="connsiteX6" fmla="*/ 0 w 1023042"/>
              <a:gd name="connsiteY6" fmla="*/ 570368 h 612618"/>
              <a:gd name="connsiteX7" fmla="*/ 15089 w 1023042"/>
              <a:gd name="connsiteY7" fmla="*/ 612618 h 612618"/>
              <a:gd name="connsiteX8" fmla="*/ 75446 w 1023042"/>
              <a:gd name="connsiteY8" fmla="*/ 609600 h 612618"/>
              <a:gd name="connsiteX9" fmla="*/ 135802 w 1023042"/>
              <a:gd name="connsiteY9" fmla="*/ 597529 h 612618"/>
              <a:gd name="connsiteX10" fmla="*/ 208230 w 1023042"/>
              <a:gd name="connsiteY10" fmla="*/ 564333 h 612618"/>
              <a:gd name="connsiteX11" fmla="*/ 310836 w 1023042"/>
              <a:gd name="connsiteY11" fmla="*/ 549243 h 612618"/>
              <a:gd name="connsiteX12" fmla="*/ 449656 w 1023042"/>
              <a:gd name="connsiteY12" fmla="*/ 522083 h 612618"/>
              <a:gd name="connsiteX13" fmla="*/ 624689 w 1023042"/>
              <a:gd name="connsiteY13" fmla="*/ 488887 h 612618"/>
              <a:gd name="connsiteX14" fmla="*/ 781616 w 1023042"/>
              <a:gd name="connsiteY14" fmla="*/ 464744 h 612618"/>
              <a:gd name="connsiteX15" fmla="*/ 841972 w 1023042"/>
              <a:gd name="connsiteY15" fmla="*/ 446637 h 612618"/>
              <a:gd name="connsiteX16" fmla="*/ 919330 w 1023042"/>
              <a:gd name="connsiteY16" fmla="*/ 406769 h 612618"/>
              <a:gd name="connsiteX17" fmla="*/ 941560 w 1023042"/>
              <a:gd name="connsiteY17" fmla="*/ 356103 h 612618"/>
              <a:gd name="connsiteX18" fmla="*/ 962685 w 1023042"/>
              <a:gd name="connsiteY18" fmla="*/ 301782 h 612618"/>
              <a:gd name="connsiteX19" fmla="*/ 989846 w 1023042"/>
              <a:gd name="connsiteY19" fmla="*/ 274622 h 612618"/>
              <a:gd name="connsiteX20" fmla="*/ 1023042 w 1023042"/>
              <a:gd name="connsiteY20" fmla="*/ 241426 h 612618"/>
              <a:gd name="connsiteX21" fmla="*/ 1010970 w 1023042"/>
              <a:gd name="connsiteY21" fmla="*/ 190123 h 612618"/>
              <a:gd name="connsiteX22" fmla="*/ 959667 w 1023042"/>
              <a:gd name="connsiteY22" fmla="*/ 156927 h 612618"/>
              <a:gd name="connsiteX23" fmla="*/ 932507 w 1023042"/>
              <a:gd name="connsiteY23" fmla="*/ 57338 h 612618"/>
              <a:gd name="connsiteX24" fmla="*/ 917418 w 1023042"/>
              <a:gd name="connsiteY24" fmla="*/ 54321 h 612618"/>
              <a:gd name="connsiteX25" fmla="*/ 899311 w 1023042"/>
              <a:gd name="connsiteY25" fmla="*/ 33196 h 612618"/>
              <a:gd name="connsiteX26" fmla="*/ 878186 w 1023042"/>
              <a:gd name="connsiteY26" fmla="*/ 27160 h 612618"/>
              <a:gd name="connsiteX27" fmla="*/ 860079 w 1023042"/>
              <a:gd name="connsiteY27" fmla="*/ 0 h 612618"/>
              <a:gd name="connsiteX28" fmla="*/ 817830 w 1023042"/>
              <a:gd name="connsiteY28" fmla="*/ 21125 h 612618"/>
              <a:gd name="connsiteX29" fmla="*/ 754456 w 1023042"/>
              <a:gd name="connsiteY29" fmla="*/ 30178 h 612618"/>
              <a:gd name="connsiteX30" fmla="*/ 715224 w 1023042"/>
              <a:gd name="connsiteY30" fmla="*/ 30178 h 612618"/>
              <a:gd name="connsiteX31" fmla="*/ 654867 w 1023042"/>
              <a:gd name="connsiteY31" fmla="*/ 36214 h 612618"/>
              <a:gd name="connsiteX32" fmla="*/ 618654 w 1023042"/>
              <a:gd name="connsiteY32" fmla="*/ 18107 h 612618"/>
              <a:gd name="connsiteX33" fmla="*/ 582440 w 1023042"/>
              <a:gd name="connsiteY33" fmla="*/ 6036 h 612618"/>
              <a:gd name="connsiteX34" fmla="*/ 561315 w 1023042"/>
              <a:gd name="connsiteY34" fmla="*/ 27160 h 612618"/>
              <a:gd name="connsiteX35" fmla="*/ 588475 w 1023042"/>
              <a:gd name="connsiteY35" fmla="*/ 60356 h 612618"/>
              <a:gd name="connsiteX36" fmla="*/ 591493 w 1023042"/>
              <a:gd name="connsiteY36" fmla="*/ 84499 h 612618"/>
              <a:gd name="connsiteX37" fmla="*/ 546226 w 1023042"/>
              <a:gd name="connsiteY37" fmla="*/ 96570 h 612618"/>
              <a:gd name="connsiteX38" fmla="*/ 513030 w 1023042"/>
              <a:gd name="connsiteY38" fmla="*/ 108641 h 612618"/>
              <a:gd name="connsiteX39" fmla="*/ 473798 w 1023042"/>
              <a:gd name="connsiteY39" fmla="*/ 117695 h 612618"/>
              <a:gd name="connsiteX40" fmla="*/ 473798 w 1023042"/>
              <a:gd name="connsiteY40" fmla="*/ 181069 h 612618"/>
              <a:gd name="connsiteX41" fmla="*/ 437584 w 1023042"/>
              <a:gd name="connsiteY41" fmla="*/ 214265 h 612618"/>
              <a:gd name="connsiteX42" fmla="*/ 416459 w 1023042"/>
              <a:gd name="connsiteY42" fmla="*/ 247461 h 612618"/>
              <a:gd name="connsiteX43" fmla="*/ 392317 w 1023042"/>
              <a:gd name="connsiteY43" fmla="*/ 259533 h 612618"/>
              <a:gd name="connsiteX44" fmla="*/ 365157 w 1023042"/>
              <a:gd name="connsiteY44" fmla="*/ 235390 h 612618"/>
              <a:gd name="connsiteX45" fmla="*/ 356103 w 1023042"/>
              <a:gd name="connsiteY45" fmla="*/ 253497 h 612618"/>
              <a:gd name="connsiteX46" fmla="*/ 356103 w 1023042"/>
              <a:gd name="connsiteY46" fmla="*/ 277639 h 612618"/>
              <a:gd name="connsiteX47" fmla="*/ 356103 w 1023042"/>
              <a:gd name="connsiteY47" fmla="*/ 298764 h 612618"/>
              <a:gd name="connsiteX48" fmla="*/ 334978 w 1023042"/>
              <a:gd name="connsiteY48" fmla="*/ 286693 h 612618"/>
              <a:gd name="connsiteX49" fmla="*/ 316871 w 1023042"/>
              <a:gd name="connsiteY49" fmla="*/ 283675 h 612618"/>
              <a:gd name="connsiteX50" fmla="*/ 277640 w 1023042"/>
              <a:gd name="connsiteY50" fmla="*/ 316871 h 612618"/>
              <a:gd name="connsiteX51" fmla="*/ 262551 w 1023042"/>
              <a:gd name="connsiteY51" fmla="*/ 328942 h 612618"/>
              <a:gd name="connsiteX52" fmla="*/ 229355 w 1023042"/>
              <a:gd name="connsiteY52" fmla="*/ 334978 h 612618"/>
              <a:gd name="connsiteX53" fmla="*/ 211248 w 1023042"/>
              <a:gd name="connsiteY53" fmla="*/ 316871 h 612618"/>
              <a:gd name="connsiteX54" fmla="*/ 196158 w 1023042"/>
              <a:gd name="connsiteY54" fmla="*/ 310836 h 612618"/>
              <a:gd name="connsiteX55" fmla="*/ 132784 w 1023042"/>
              <a:gd name="connsiteY55" fmla="*/ 350067 h 612618"/>
              <a:gd name="connsiteX0" fmla="*/ 132784 w 1023042"/>
              <a:gd name="connsiteY0" fmla="*/ 350067 h 612618"/>
              <a:gd name="connsiteX1" fmla="*/ 141838 w 1023042"/>
              <a:gd name="connsiteY1" fmla="*/ 425513 h 612618"/>
              <a:gd name="connsiteX2" fmla="*/ 93553 w 1023042"/>
              <a:gd name="connsiteY2" fmla="*/ 452673 h 612618"/>
              <a:gd name="connsiteX3" fmla="*/ 90535 w 1023042"/>
              <a:gd name="connsiteY3" fmla="*/ 488887 h 612618"/>
              <a:gd name="connsiteX4" fmla="*/ 90535 w 1023042"/>
              <a:gd name="connsiteY4" fmla="*/ 503976 h 612618"/>
              <a:gd name="connsiteX5" fmla="*/ 0 w 1023042"/>
              <a:gd name="connsiteY5" fmla="*/ 482851 h 612618"/>
              <a:gd name="connsiteX6" fmla="*/ 0 w 1023042"/>
              <a:gd name="connsiteY6" fmla="*/ 570368 h 612618"/>
              <a:gd name="connsiteX7" fmla="*/ 15089 w 1023042"/>
              <a:gd name="connsiteY7" fmla="*/ 612618 h 612618"/>
              <a:gd name="connsiteX8" fmla="*/ 75446 w 1023042"/>
              <a:gd name="connsiteY8" fmla="*/ 609600 h 612618"/>
              <a:gd name="connsiteX9" fmla="*/ 135802 w 1023042"/>
              <a:gd name="connsiteY9" fmla="*/ 597529 h 612618"/>
              <a:gd name="connsiteX10" fmla="*/ 208230 w 1023042"/>
              <a:gd name="connsiteY10" fmla="*/ 564333 h 612618"/>
              <a:gd name="connsiteX11" fmla="*/ 310836 w 1023042"/>
              <a:gd name="connsiteY11" fmla="*/ 549243 h 612618"/>
              <a:gd name="connsiteX12" fmla="*/ 449656 w 1023042"/>
              <a:gd name="connsiteY12" fmla="*/ 522083 h 612618"/>
              <a:gd name="connsiteX13" fmla="*/ 624689 w 1023042"/>
              <a:gd name="connsiteY13" fmla="*/ 488887 h 612618"/>
              <a:gd name="connsiteX14" fmla="*/ 781616 w 1023042"/>
              <a:gd name="connsiteY14" fmla="*/ 464744 h 612618"/>
              <a:gd name="connsiteX15" fmla="*/ 841972 w 1023042"/>
              <a:gd name="connsiteY15" fmla="*/ 446637 h 612618"/>
              <a:gd name="connsiteX16" fmla="*/ 919330 w 1023042"/>
              <a:gd name="connsiteY16" fmla="*/ 406769 h 612618"/>
              <a:gd name="connsiteX17" fmla="*/ 941560 w 1023042"/>
              <a:gd name="connsiteY17" fmla="*/ 356103 h 612618"/>
              <a:gd name="connsiteX18" fmla="*/ 962685 w 1023042"/>
              <a:gd name="connsiteY18" fmla="*/ 301782 h 612618"/>
              <a:gd name="connsiteX19" fmla="*/ 989846 w 1023042"/>
              <a:gd name="connsiteY19" fmla="*/ 274622 h 612618"/>
              <a:gd name="connsiteX20" fmla="*/ 1023042 w 1023042"/>
              <a:gd name="connsiteY20" fmla="*/ 241426 h 612618"/>
              <a:gd name="connsiteX21" fmla="*/ 1010970 w 1023042"/>
              <a:gd name="connsiteY21" fmla="*/ 190123 h 612618"/>
              <a:gd name="connsiteX22" fmla="*/ 959667 w 1023042"/>
              <a:gd name="connsiteY22" fmla="*/ 156927 h 612618"/>
              <a:gd name="connsiteX23" fmla="*/ 932507 w 1023042"/>
              <a:gd name="connsiteY23" fmla="*/ 57338 h 612618"/>
              <a:gd name="connsiteX24" fmla="*/ 917418 w 1023042"/>
              <a:gd name="connsiteY24" fmla="*/ 54321 h 612618"/>
              <a:gd name="connsiteX25" fmla="*/ 899311 w 1023042"/>
              <a:gd name="connsiteY25" fmla="*/ 33196 h 612618"/>
              <a:gd name="connsiteX26" fmla="*/ 878186 w 1023042"/>
              <a:gd name="connsiteY26" fmla="*/ 27160 h 612618"/>
              <a:gd name="connsiteX27" fmla="*/ 860079 w 1023042"/>
              <a:gd name="connsiteY27" fmla="*/ 0 h 612618"/>
              <a:gd name="connsiteX28" fmla="*/ 817830 w 1023042"/>
              <a:gd name="connsiteY28" fmla="*/ 21125 h 612618"/>
              <a:gd name="connsiteX29" fmla="*/ 754456 w 1023042"/>
              <a:gd name="connsiteY29" fmla="*/ 30178 h 612618"/>
              <a:gd name="connsiteX30" fmla="*/ 715224 w 1023042"/>
              <a:gd name="connsiteY30" fmla="*/ 30178 h 612618"/>
              <a:gd name="connsiteX31" fmla="*/ 654867 w 1023042"/>
              <a:gd name="connsiteY31" fmla="*/ 36214 h 612618"/>
              <a:gd name="connsiteX32" fmla="*/ 618654 w 1023042"/>
              <a:gd name="connsiteY32" fmla="*/ 18107 h 612618"/>
              <a:gd name="connsiteX33" fmla="*/ 582440 w 1023042"/>
              <a:gd name="connsiteY33" fmla="*/ 6036 h 612618"/>
              <a:gd name="connsiteX34" fmla="*/ 561315 w 1023042"/>
              <a:gd name="connsiteY34" fmla="*/ 27160 h 612618"/>
              <a:gd name="connsiteX35" fmla="*/ 588475 w 1023042"/>
              <a:gd name="connsiteY35" fmla="*/ 60356 h 612618"/>
              <a:gd name="connsiteX36" fmla="*/ 591493 w 1023042"/>
              <a:gd name="connsiteY36" fmla="*/ 84499 h 612618"/>
              <a:gd name="connsiteX37" fmla="*/ 546226 w 1023042"/>
              <a:gd name="connsiteY37" fmla="*/ 96570 h 612618"/>
              <a:gd name="connsiteX38" fmla="*/ 513030 w 1023042"/>
              <a:gd name="connsiteY38" fmla="*/ 108641 h 612618"/>
              <a:gd name="connsiteX39" fmla="*/ 459502 w 1023042"/>
              <a:gd name="connsiteY39" fmla="*/ 112933 h 612618"/>
              <a:gd name="connsiteX40" fmla="*/ 473798 w 1023042"/>
              <a:gd name="connsiteY40" fmla="*/ 181069 h 612618"/>
              <a:gd name="connsiteX41" fmla="*/ 437584 w 1023042"/>
              <a:gd name="connsiteY41" fmla="*/ 214265 h 612618"/>
              <a:gd name="connsiteX42" fmla="*/ 416459 w 1023042"/>
              <a:gd name="connsiteY42" fmla="*/ 247461 h 612618"/>
              <a:gd name="connsiteX43" fmla="*/ 392317 w 1023042"/>
              <a:gd name="connsiteY43" fmla="*/ 259533 h 612618"/>
              <a:gd name="connsiteX44" fmla="*/ 365157 w 1023042"/>
              <a:gd name="connsiteY44" fmla="*/ 235390 h 612618"/>
              <a:gd name="connsiteX45" fmla="*/ 356103 w 1023042"/>
              <a:gd name="connsiteY45" fmla="*/ 253497 h 612618"/>
              <a:gd name="connsiteX46" fmla="*/ 356103 w 1023042"/>
              <a:gd name="connsiteY46" fmla="*/ 277639 h 612618"/>
              <a:gd name="connsiteX47" fmla="*/ 356103 w 1023042"/>
              <a:gd name="connsiteY47" fmla="*/ 298764 h 612618"/>
              <a:gd name="connsiteX48" fmla="*/ 334978 w 1023042"/>
              <a:gd name="connsiteY48" fmla="*/ 286693 h 612618"/>
              <a:gd name="connsiteX49" fmla="*/ 316871 w 1023042"/>
              <a:gd name="connsiteY49" fmla="*/ 283675 h 612618"/>
              <a:gd name="connsiteX50" fmla="*/ 277640 w 1023042"/>
              <a:gd name="connsiteY50" fmla="*/ 316871 h 612618"/>
              <a:gd name="connsiteX51" fmla="*/ 262551 w 1023042"/>
              <a:gd name="connsiteY51" fmla="*/ 328942 h 612618"/>
              <a:gd name="connsiteX52" fmla="*/ 229355 w 1023042"/>
              <a:gd name="connsiteY52" fmla="*/ 334978 h 612618"/>
              <a:gd name="connsiteX53" fmla="*/ 211248 w 1023042"/>
              <a:gd name="connsiteY53" fmla="*/ 316871 h 612618"/>
              <a:gd name="connsiteX54" fmla="*/ 196158 w 1023042"/>
              <a:gd name="connsiteY54" fmla="*/ 310836 h 612618"/>
              <a:gd name="connsiteX55" fmla="*/ 132784 w 1023042"/>
              <a:gd name="connsiteY55" fmla="*/ 350067 h 612618"/>
              <a:gd name="connsiteX0" fmla="*/ 132784 w 1023042"/>
              <a:gd name="connsiteY0" fmla="*/ 350067 h 612618"/>
              <a:gd name="connsiteX1" fmla="*/ 141838 w 1023042"/>
              <a:gd name="connsiteY1" fmla="*/ 425513 h 612618"/>
              <a:gd name="connsiteX2" fmla="*/ 93553 w 1023042"/>
              <a:gd name="connsiteY2" fmla="*/ 452673 h 612618"/>
              <a:gd name="connsiteX3" fmla="*/ 90535 w 1023042"/>
              <a:gd name="connsiteY3" fmla="*/ 488887 h 612618"/>
              <a:gd name="connsiteX4" fmla="*/ 90535 w 1023042"/>
              <a:gd name="connsiteY4" fmla="*/ 503976 h 612618"/>
              <a:gd name="connsiteX5" fmla="*/ 0 w 1023042"/>
              <a:gd name="connsiteY5" fmla="*/ 482851 h 612618"/>
              <a:gd name="connsiteX6" fmla="*/ 0 w 1023042"/>
              <a:gd name="connsiteY6" fmla="*/ 570368 h 612618"/>
              <a:gd name="connsiteX7" fmla="*/ 15089 w 1023042"/>
              <a:gd name="connsiteY7" fmla="*/ 612618 h 612618"/>
              <a:gd name="connsiteX8" fmla="*/ 75446 w 1023042"/>
              <a:gd name="connsiteY8" fmla="*/ 609600 h 612618"/>
              <a:gd name="connsiteX9" fmla="*/ 135802 w 1023042"/>
              <a:gd name="connsiteY9" fmla="*/ 597529 h 612618"/>
              <a:gd name="connsiteX10" fmla="*/ 208230 w 1023042"/>
              <a:gd name="connsiteY10" fmla="*/ 564333 h 612618"/>
              <a:gd name="connsiteX11" fmla="*/ 310836 w 1023042"/>
              <a:gd name="connsiteY11" fmla="*/ 549243 h 612618"/>
              <a:gd name="connsiteX12" fmla="*/ 449656 w 1023042"/>
              <a:gd name="connsiteY12" fmla="*/ 522083 h 612618"/>
              <a:gd name="connsiteX13" fmla="*/ 624689 w 1023042"/>
              <a:gd name="connsiteY13" fmla="*/ 488887 h 612618"/>
              <a:gd name="connsiteX14" fmla="*/ 781616 w 1023042"/>
              <a:gd name="connsiteY14" fmla="*/ 464744 h 612618"/>
              <a:gd name="connsiteX15" fmla="*/ 841972 w 1023042"/>
              <a:gd name="connsiteY15" fmla="*/ 446637 h 612618"/>
              <a:gd name="connsiteX16" fmla="*/ 919330 w 1023042"/>
              <a:gd name="connsiteY16" fmla="*/ 406769 h 612618"/>
              <a:gd name="connsiteX17" fmla="*/ 941560 w 1023042"/>
              <a:gd name="connsiteY17" fmla="*/ 356103 h 612618"/>
              <a:gd name="connsiteX18" fmla="*/ 962685 w 1023042"/>
              <a:gd name="connsiteY18" fmla="*/ 301782 h 612618"/>
              <a:gd name="connsiteX19" fmla="*/ 989846 w 1023042"/>
              <a:gd name="connsiteY19" fmla="*/ 274622 h 612618"/>
              <a:gd name="connsiteX20" fmla="*/ 1023042 w 1023042"/>
              <a:gd name="connsiteY20" fmla="*/ 241426 h 612618"/>
              <a:gd name="connsiteX21" fmla="*/ 1010970 w 1023042"/>
              <a:gd name="connsiteY21" fmla="*/ 190123 h 612618"/>
              <a:gd name="connsiteX22" fmla="*/ 959667 w 1023042"/>
              <a:gd name="connsiteY22" fmla="*/ 156927 h 612618"/>
              <a:gd name="connsiteX23" fmla="*/ 932507 w 1023042"/>
              <a:gd name="connsiteY23" fmla="*/ 57338 h 612618"/>
              <a:gd name="connsiteX24" fmla="*/ 917418 w 1023042"/>
              <a:gd name="connsiteY24" fmla="*/ 54321 h 612618"/>
              <a:gd name="connsiteX25" fmla="*/ 899311 w 1023042"/>
              <a:gd name="connsiteY25" fmla="*/ 33196 h 612618"/>
              <a:gd name="connsiteX26" fmla="*/ 878186 w 1023042"/>
              <a:gd name="connsiteY26" fmla="*/ 27160 h 612618"/>
              <a:gd name="connsiteX27" fmla="*/ 860079 w 1023042"/>
              <a:gd name="connsiteY27" fmla="*/ 0 h 612618"/>
              <a:gd name="connsiteX28" fmla="*/ 817830 w 1023042"/>
              <a:gd name="connsiteY28" fmla="*/ 21125 h 612618"/>
              <a:gd name="connsiteX29" fmla="*/ 754456 w 1023042"/>
              <a:gd name="connsiteY29" fmla="*/ 30178 h 612618"/>
              <a:gd name="connsiteX30" fmla="*/ 715224 w 1023042"/>
              <a:gd name="connsiteY30" fmla="*/ 30178 h 612618"/>
              <a:gd name="connsiteX31" fmla="*/ 654867 w 1023042"/>
              <a:gd name="connsiteY31" fmla="*/ 36214 h 612618"/>
              <a:gd name="connsiteX32" fmla="*/ 618654 w 1023042"/>
              <a:gd name="connsiteY32" fmla="*/ 18107 h 612618"/>
              <a:gd name="connsiteX33" fmla="*/ 582440 w 1023042"/>
              <a:gd name="connsiteY33" fmla="*/ 6036 h 612618"/>
              <a:gd name="connsiteX34" fmla="*/ 561315 w 1023042"/>
              <a:gd name="connsiteY34" fmla="*/ 27160 h 612618"/>
              <a:gd name="connsiteX35" fmla="*/ 588475 w 1023042"/>
              <a:gd name="connsiteY35" fmla="*/ 60356 h 612618"/>
              <a:gd name="connsiteX36" fmla="*/ 591493 w 1023042"/>
              <a:gd name="connsiteY36" fmla="*/ 84499 h 612618"/>
              <a:gd name="connsiteX37" fmla="*/ 546226 w 1023042"/>
              <a:gd name="connsiteY37" fmla="*/ 96570 h 612618"/>
              <a:gd name="connsiteX38" fmla="*/ 513030 w 1023042"/>
              <a:gd name="connsiteY38" fmla="*/ 108641 h 612618"/>
              <a:gd name="connsiteX39" fmla="*/ 459502 w 1023042"/>
              <a:gd name="connsiteY39" fmla="*/ 112933 h 612618"/>
              <a:gd name="connsiteX40" fmla="*/ 464267 w 1023042"/>
              <a:gd name="connsiteY40" fmla="*/ 181069 h 612618"/>
              <a:gd name="connsiteX41" fmla="*/ 437584 w 1023042"/>
              <a:gd name="connsiteY41" fmla="*/ 214265 h 612618"/>
              <a:gd name="connsiteX42" fmla="*/ 416459 w 1023042"/>
              <a:gd name="connsiteY42" fmla="*/ 247461 h 612618"/>
              <a:gd name="connsiteX43" fmla="*/ 392317 w 1023042"/>
              <a:gd name="connsiteY43" fmla="*/ 259533 h 612618"/>
              <a:gd name="connsiteX44" fmla="*/ 365157 w 1023042"/>
              <a:gd name="connsiteY44" fmla="*/ 235390 h 612618"/>
              <a:gd name="connsiteX45" fmla="*/ 356103 w 1023042"/>
              <a:gd name="connsiteY45" fmla="*/ 253497 h 612618"/>
              <a:gd name="connsiteX46" fmla="*/ 356103 w 1023042"/>
              <a:gd name="connsiteY46" fmla="*/ 277639 h 612618"/>
              <a:gd name="connsiteX47" fmla="*/ 356103 w 1023042"/>
              <a:gd name="connsiteY47" fmla="*/ 298764 h 612618"/>
              <a:gd name="connsiteX48" fmla="*/ 334978 w 1023042"/>
              <a:gd name="connsiteY48" fmla="*/ 286693 h 612618"/>
              <a:gd name="connsiteX49" fmla="*/ 316871 w 1023042"/>
              <a:gd name="connsiteY49" fmla="*/ 283675 h 612618"/>
              <a:gd name="connsiteX50" fmla="*/ 277640 w 1023042"/>
              <a:gd name="connsiteY50" fmla="*/ 316871 h 612618"/>
              <a:gd name="connsiteX51" fmla="*/ 262551 w 1023042"/>
              <a:gd name="connsiteY51" fmla="*/ 328942 h 612618"/>
              <a:gd name="connsiteX52" fmla="*/ 229355 w 1023042"/>
              <a:gd name="connsiteY52" fmla="*/ 334978 h 612618"/>
              <a:gd name="connsiteX53" fmla="*/ 211248 w 1023042"/>
              <a:gd name="connsiteY53" fmla="*/ 316871 h 612618"/>
              <a:gd name="connsiteX54" fmla="*/ 196158 w 1023042"/>
              <a:gd name="connsiteY54" fmla="*/ 310836 h 612618"/>
              <a:gd name="connsiteX55" fmla="*/ 132784 w 1023042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41560 w 1032573"/>
              <a:gd name="connsiteY17" fmla="*/ 356103 h 612618"/>
              <a:gd name="connsiteX18" fmla="*/ 962685 w 1032573"/>
              <a:gd name="connsiteY18" fmla="*/ 301782 h 612618"/>
              <a:gd name="connsiteX19" fmla="*/ 989846 w 1032573"/>
              <a:gd name="connsiteY19" fmla="*/ 274622 h 612618"/>
              <a:gd name="connsiteX20" fmla="*/ 1032573 w 1032573"/>
              <a:gd name="connsiteY20" fmla="*/ 255709 h 612618"/>
              <a:gd name="connsiteX21" fmla="*/ 1010970 w 1032573"/>
              <a:gd name="connsiteY21" fmla="*/ 190123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88475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41560 w 1032573"/>
              <a:gd name="connsiteY17" fmla="*/ 356103 h 612618"/>
              <a:gd name="connsiteX18" fmla="*/ 962685 w 1032573"/>
              <a:gd name="connsiteY18" fmla="*/ 301782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0970 w 1032573"/>
              <a:gd name="connsiteY21" fmla="*/ 190123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88475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41560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0970 w 1032573"/>
              <a:gd name="connsiteY21" fmla="*/ 190123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88475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41560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88475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88475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91493 w 1032573"/>
              <a:gd name="connsiteY36" fmla="*/ 84499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5157 w 1032573"/>
              <a:gd name="connsiteY44" fmla="*/ 235390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2773 w 1032573"/>
              <a:gd name="connsiteY44" fmla="*/ 225867 h 612618"/>
              <a:gd name="connsiteX45" fmla="*/ 356103 w 1032573"/>
              <a:gd name="connsiteY45" fmla="*/ 253497 h 612618"/>
              <a:gd name="connsiteX46" fmla="*/ 356103 w 1032573"/>
              <a:gd name="connsiteY46" fmla="*/ 277639 h 612618"/>
              <a:gd name="connsiteX47" fmla="*/ 356103 w 1032573"/>
              <a:gd name="connsiteY47" fmla="*/ 298764 h 612618"/>
              <a:gd name="connsiteX48" fmla="*/ 334978 w 1032573"/>
              <a:gd name="connsiteY48" fmla="*/ 286693 h 612618"/>
              <a:gd name="connsiteX49" fmla="*/ 316871 w 1032573"/>
              <a:gd name="connsiteY49" fmla="*/ 283675 h 612618"/>
              <a:gd name="connsiteX50" fmla="*/ 277640 w 1032573"/>
              <a:gd name="connsiteY50" fmla="*/ 316871 h 612618"/>
              <a:gd name="connsiteX51" fmla="*/ 262551 w 1032573"/>
              <a:gd name="connsiteY51" fmla="*/ 328942 h 612618"/>
              <a:gd name="connsiteX52" fmla="*/ 229355 w 1032573"/>
              <a:gd name="connsiteY52" fmla="*/ 334978 h 612618"/>
              <a:gd name="connsiteX53" fmla="*/ 211248 w 1032573"/>
              <a:gd name="connsiteY53" fmla="*/ 316871 h 612618"/>
              <a:gd name="connsiteX54" fmla="*/ 196158 w 1032573"/>
              <a:gd name="connsiteY54" fmla="*/ 310836 h 612618"/>
              <a:gd name="connsiteX55" fmla="*/ 132784 w 1032573"/>
              <a:gd name="connsiteY55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2773 w 1032573"/>
              <a:gd name="connsiteY44" fmla="*/ 225867 h 612618"/>
              <a:gd name="connsiteX45" fmla="*/ 356103 w 1032573"/>
              <a:gd name="connsiteY45" fmla="*/ 277639 h 612618"/>
              <a:gd name="connsiteX46" fmla="*/ 356103 w 1032573"/>
              <a:gd name="connsiteY46" fmla="*/ 298764 h 612618"/>
              <a:gd name="connsiteX47" fmla="*/ 334978 w 1032573"/>
              <a:gd name="connsiteY47" fmla="*/ 286693 h 612618"/>
              <a:gd name="connsiteX48" fmla="*/ 316871 w 1032573"/>
              <a:gd name="connsiteY48" fmla="*/ 283675 h 612618"/>
              <a:gd name="connsiteX49" fmla="*/ 277640 w 1032573"/>
              <a:gd name="connsiteY49" fmla="*/ 316871 h 612618"/>
              <a:gd name="connsiteX50" fmla="*/ 262551 w 1032573"/>
              <a:gd name="connsiteY50" fmla="*/ 328942 h 612618"/>
              <a:gd name="connsiteX51" fmla="*/ 229355 w 1032573"/>
              <a:gd name="connsiteY51" fmla="*/ 334978 h 612618"/>
              <a:gd name="connsiteX52" fmla="*/ 211248 w 1032573"/>
              <a:gd name="connsiteY52" fmla="*/ 316871 h 612618"/>
              <a:gd name="connsiteX53" fmla="*/ 196158 w 1032573"/>
              <a:gd name="connsiteY53" fmla="*/ 310836 h 612618"/>
              <a:gd name="connsiteX54" fmla="*/ 132784 w 1032573"/>
              <a:gd name="connsiteY54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62773 w 1032573"/>
              <a:gd name="connsiteY44" fmla="*/ 225867 h 612618"/>
              <a:gd name="connsiteX45" fmla="*/ 356103 w 1032573"/>
              <a:gd name="connsiteY45" fmla="*/ 298764 h 612618"/>
              <a:gd name="connsiteX46" fmla="*/ 334978 w 1032573"/>
              <a:gd name="connsiteY46" fmla="*/ 286693 h 612618"/>
              <a:gd name="connsiteX47" fmla="*/ 316871 w 1032573"/>
              <a:gd name="connsiteY47" fmla="*/ 283675 h 612618"/>
              <a:gd name="connsiteX48" fmla="*/ 277640 w 1032573"/>
              <a:gd name="connsiteY48" fmla="*/ 316871 h 612618"/>
              <a:gd name="connsiteX49" fmla="*/ 262551 w 1032573"/>
              <a:gd name="connsiteY49" fmla="*/ 328942 h 612618"/>
              <a:gd name="connsiteX50" fmla="*/ 229355 w 1032573"/>
              <a:gd name="connsiteY50" fmla="*/ 334978 h 612618"/>
              <a:gd name="connsiteX51" fmla="*/ 211248 w 1032573"/>
              <a:gd name="connsiteY51" fmla="*/ 316871 h 612618"/>
              <a:gd name="connsiteX52" fmla="*/ 196158 w 1032573"/>
              <a:gd name="connsiteY52" fmla="*/ 310836 h 612618"/>
              <a:gd name="connsiteX53" fmla="*/ 132784 w 1032573"/>
              <a:gd name="connsiteY53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53242 w 1032573"/>
              <a:gd name="connsiteY44" fmla="*/ 223486 h 612618"/>
              <a:gd name="connsiteX45" fmla="*/ 356103 w 1032573"/>
              <a:gd name="connsiteY45" fmla="*/ 298764 h 612618"/>
              <a:gd name="connsiteX46" fmla="*/ 334978 w 1032573"/>
              <a:gd name="connsiteY46" fmla="*/ 286693 h 612618"/>
              <a:gd name="connsiteX47" fmla="*/ 316871 w 1032573"/>
              <a:gd name="connsiteY47" fmla="*/ 283675 h 612618"/>
              <a:gd name="connsiteX48" fmla="*/ 277640 w 1032573"/>
              <a:gd name="connsiteY48" fmla="*/ 316871 h 612618"/>
              <a:gd name="connsiteX49" fmla="*/ 262551 w 1032573"/>
              <a:gd name="connsiteY49" fmla="*/ 328942 h 612618"/>
              <a:gd name="connsiteX50" fmla="*/ 229355 w 1032573"/>
              <a:gd name="connsiteY50" fmla="*/ 334978 h 612618"/>
              <a:gd name="connsiteX51" fmla="*/ 211248 w 1032573"/>
              <a:gd name="connsiteY51" fmla="*/ 316871 h 612618"/>
              <a:gd name="connsiteX52" fmla="*/ 196158 w 1032573"/>
              <a:gd name="connsiteY52" fmla="*/ 310836 h 612618"/>
              <a:gd name="connsiteX53" fmla="*/ 132784 w 1032573"/>
              <a:gd name="connsiteY53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53242 w 1032573"/>
              <a:gd name="connsiteY44" fmla="*/ 223486 h 612618"/>
              <a:gd name="connsiteX45" fmla="*/ 356103 w 1032573"/>
              <a:gd name="connsiteY45" fmla="*/ 298764 h 612618"/>
              <a:gd name="connsiteX46" fmla="*/ 334978 w 1032573"/>
              <a:gd name="connsiteY46" fmla="*/ 286693 h 612618"/>
              <a:gd name="connsiteX47" fmla="*/ 316871 w 1032573"/>
              <a:gd name="connsiteY47" fmla="*/ 283675 h 612618"/>
              <a:gd name="connsiteX48" fmla="*/ 277640 w 1032573"/>
              <a:gd name="connsiteY48" fmla="*/ 316871 h 612618"/>
              <a:gd name="connsiteX49" fmla="*/ 262551 w 1032573"/>
              <a:gd name="connsiteY49" fmla="*/ 317039 h 612618"/>
              <a:gd name="connsiteX50" fmla="*/ 229355 w 1032573"/>
              <a:gd name="connsiteY50" fmla="*/ 334978 h 612618"/>
              <a:gd name="connsiteX51" fmla="*/ 211248 w 1032573"/>
              <a:gd name="connsiteY51" fmla="*/ 316871 h 612618"/>
              <a:gd name="connsiteX52" fmla="*/ 196158 w 1032573"/>
              <a:gd name="connsiteY52" fmla="*/ 310836 h 612618"/>
              <a:gd name="connsiteX53" fmla="*/ 132784 w 1032573"/>
              <a:gd name="connsiteY53" fmla="*/ 350067 h 612618"/>
              <a:gd name="connsiteX0" fmla="*/ 132784 w 1032573"/>
              <a:gd name="connsiteY0" fmla="*/ 350067 h 612618"/>
              <a:gd name="connsiteX1" fmla="*/ 141838 w 1032573"/>
              <a:gd name="connsiteY1" fmla="*/ 425513 h 612618"/>
              <a:gd name="connsiteX2" fmla="*/ 93553 w 1032573"/>
              <a:gd name="connsiteY2" fmla="*/ 452673 h 612618"/>
              <a:gd name="connsiteX3" fmla="*/ 90535 w 1032573"/>
              <a:gd name="connsiteY3" fmla="*/ 488887 h 612618"/>
              <a:gd name="connsiteX4" fmla="*/ 90535 w 1032573"/>
              <a:gd name="connsiteY4" fmla="*/ 503976 h 612618"/>
              <a:gd name="connsiteX5" fmla="*/ 0 w 1032573"/>
              <a:gd name="connsiteY5" fmla="*/ 482851 h 612618"/>
              <a:gd name="connsiteX6" fmla="*/ 0 w 1032573"/>
              <a:gd name="connsiteY6" fmla="*/ 570368 h 612618"/>
              <a:gd name="connsiteX7" fmla="*/ 15089 w 1032573"/>
              <a:gd name="connsiteY7" fmla="*/ 612618 h 612618"/>
              <a:gd name="connsiteX8" fmla="*/ 75446 w 1032573"/>
              <a:gd name="connsiteY8" fmla="*/ 609600 h 612618"/>
              <a:gd name="connsiteX9" fmla="*/ 135802 w 1032573"/>
              <a:gd name="connsiteY9" fmla="*/ 597529 h 612618"/>
              <a:gd name="connsiteX10" fmla="*/ 208230 w 1032573"/>
              <a:gd name="connsiteY10" fmla="*/ 564333 h 612618"/>
              <a:gd name="connsiteX11" fmla="*/ 310836 w 1032573"/>
              <a:gd name="connsiteY11" fmla="*/ 549243 h 612618"/>
              <a:gd name="connsiteX12" fmla="*/ 449656 w 1032573"/>
              <a:gd name="connsiteY12" fmla="*/ 522083 h 612618"/>
              <a:gd name="connsiteX13" fmla="*/ 624689 w 1032573"/>
              <a:gd name="connsiteY13" fmla="*/ 488887 h 612618"/>
              <a:gd name="connsiteX14" fmla="*/ 781616 w 1032573"/>
              <a:gd name="connsiteY14" fmla="*/ 464744 h 612618"/>
              <a:gd name="connsiteX15" fmla="*/ 841972 w 1032573"/>
              <a:gd name="connsiteY15" fmla="*/ 446637 h 612618"/>
              <a:gd name="connsiteX16" fmla="*/ 919330 w 1032573"/>
              <a:gd name="connsiteY16" fmla="*/ 406769 h 612618"/>
              <a:gd name="connsiteX17" fmla="*/ 951092 w 1032573"/>
              <a:gd name="connsiteY17" fmla="*/ 356103 h 612618"/>
              <a:gd name="connsiteX18" fmla="*/ 969834 w 1032573"/>
              <a:gd name="connsiteY18" fmla="*/ 308924 h 612618"/>
              <a:gd name="connsiteX19" fmla="*/ 999378 w 1032573"/>
              <a:gd name="connsiteY19" fmla="*/ 281763 h 612618"/>
              <a:gd name="connsiteX20" fmla="*/ 1032573 w 1032573"/>
              <a:gd name="connsiteY20" fmla="*/ 255709 h 612618"/>
              <a:gd name="connsiteX21" fmla="*/ 1018118 w 1032573"/>
              <a:gd name="connsiteY21" fmla="*/ 180601 h 612618"/>
              <a:gd name="connsiteX22" fmla="*/ 959667 w 1032573"/>
              <a:gd name="connsiteY22" fmla="*/ 156927 h 612618"/>
              <a:gd name="connsiteX23" fmla="*/ 932507 w 1032573"/>
              <a:gd name="connsiteY23" fmla="*/ 57338 h 612618"/>
              <a:gd name="connsiteX24" fmla="*/ 917418 w 1032573"/>
              <a:gd name="connsiteY24" fmla="*/ 54321 h 612618"/>
              <a:gd name="connsiteX25" fmla="*/ 899311 w 1032573"/>
              <a:gd name="connsiteY25" fmla="*/ 33196 h 612618"/>
              <a:gd name="connsiteX26" fmla="*/ 878186 w 1032573"/>
              <a:gd name="connsiteY26" fmla="*/ 27160 h 612618"/>
              <a:gd name="connsiteX27" fmla="*/ 860079 w 1032573"/>
              <a:gd name="connsiteY27" fmla="*/ 0 h 612618"/>
              <a:gd name="connsiteX28" fmla="*/ 817830 w 1032573"/>
              <a:gd name="connsiteY28" fmla="*/ 21125 h 612618"/>
              <a:gd name="connsiteX29" fmla="*/ 754456 w 1032573"/>
              <a:gd name="connsiteY29" fmla="*/ 30178 h 612618"/>
              <a:gd name="connsiteX30" fmla="*/ 715224 w 1032573"/>
              <a:gd name="connsiteY30" fmla="*/ 30178 h 612618"/>
              <a:gd name="connsiteX31" fmla="*/ 654867 w 1032573"/>
              <a:gd name="connsiteY31" fmla="*/ 36214 h 612618"/>
              <a:gd name="connsiteX32" fmla="*/ 618654 w 1032573"/>
              <a:gd name="connsiteY32" fmla="*/ 18107 h 612618"/>
              <a:gd name="connsiteX33" fmla="*/ 582440 w 1032573"/>
              <a:gd name="connsiteY33" fmla="*/ 6036 h 612618"/>
              <a:gd name="connsiteX34" fmla="*/ 561315 w 1032573"/>
              <a:gd name="connsiteY34" fmla="*/ 27160 h 612618"/>
              <a:gd name="connsiteX35" fmla="*/ 576561 w 1032573"/>
              <a:gd name="connsiteY35" fmla="*/ 60356 h 612618"/>
              <a:gd name="connsiteX36" fmla="*/ 579579 w 1032573"/>
              <a:gd name="connsiteY36" fmla="*/ 79738 h 612618"/>
              <a:gd name="connsiteX37" fmla="*/ 546226 w 1032573"/>
              <a:gd name="connsiteY37" fmla="*/ 96570 h 612618"/>
              <a:gd name="connsiteX38" fmla="*/ 513030 w 1032573"/>
              <a:gd name="connsiteY38" fmla="*/ 108641 h 612618"/>
              <a:gd name="connsiteX39" fmla="*/ 459502 w 1032573"/>
              <a:gd name="connsiteY39" fmla="*/ 112933 h 612618"/>
              <a:gd name="connsiteX40" fmla="*/ 464267 w 1032573"/>
              <a:gd name="connsiteY40" fmla="*/ 181069 h 612618"/>
              <a:gd name="connsiteX41" fmla="*/ 437584 w 1032573"/>
              <a:gd name="connsiteY41" fmla="*/ 214265 h 612618"/>
              <a:gd name="connsiteX42" fmla="*/ 416459 w 1032573"/>
              <a:gd name="connsiteY42" fmla="*/ 247461 h 612618"/>
              <a:gd name="connsiteX43" fmla="*/ 392317 w 1032573"/>
              <a:gd name="connsiteY43" fmla="*/ 259533 h 612618"/>
              <a:gd name="connsiteX44" fmla="*/ 353242 w 1032573"/>
              <a:gd name="connsiteY44" fmla="*/ 223486 h 612618"/>
              <a:gd name="connsiteX45" fmla="*/ 356103 w 1032573"/>
              <a:gd name="connsiteY45" fmla="*/ 298764 h 612618"/>
              <a:gd name="connsiteX46" fmla="*/ 334978 w 1032573"/>
              <a:gd name="connsiteY46" fmla="*/ 286693 h 612618"/>
              <a:gd name="connsiteX47" fmla="*/ 316871 w 1032573"/>
              <a:gd name="connsiteY47" fmla="*/ 283675 h 612618"/>
              <a:gd name="connsiteX48" fmla="*/ 277640 w 1032573"/>
              <a:gd name="connsiteY48" fmla="*/ 302586 h 612618"/>
              <a:gd name="connsiteX49" fmla="*/ 262551 w 1032573"/>
              <a:gd name="connsiteY49" fmla="*/ 317039 h 612618"/>
              <a:gd name="connsiteX50" fmla="*/ 229355 w 1032573"/>
              <a:gd name="connsiteY50" fmla="*/ 334978 h 612618"/>
              <a:gd name="connsiteX51" fmla="*/ 211248 w 1032573"/>
              <a:gd name="connsiteY51" fmla="*/ 316871 h 612618"/>
              <a:gd name="connsiteX52" fmla="*/ 196158 w 1032573"/>
              <a:gd name="connsiteY52" fmla="*/ 310836 h 612618"/>
              <a:gd name="connsiteX53" fmla="*/ 132784 w 1032573"/>
              <a:gd name="connsiteY53" fmla="*/ 350067 h 6126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</a:cxnLst>
            <a:rect l="l" t="t" r="r" b="b"/>
            <a:pathLst>
              <a:path w="1032573" h="612618">
                <a:moveTo>
                  <a:pt x="132784" y="350067"/>
                </a:moveTo>
                <a:lnTo>
                  <a:pt x="141838" y="425513"/>
                </a:lnTo>
                <a:lnTo>
                  <a:pt x="93553" y="452673"/>
                </a:lnTo>
                <a:lnTo>
                  <a:pt x="90535" y="488887"/>
                </a:lnTo>
                <a:lnTo>
                  <a:pt x="90535" y="503976"/>
                </a:lnTo>
                <a:lnTo>
                  <a:pt x="0" y="482851"/>
                </a:lnTo>
                <a:lnTo>
                  <a:pt x="0" y="570368"/>
                </a:lnTo>
                <a:lnTo>
                  <a:pt x="15089" y="612618"/>
                </a:lnTo>
                <a:lnTo>
                  <a:pt x="75446" y="609600"/>
                </a:lnTo>
                <a:lnTo>
                  <a:pt x="135802" y="597529"/>
                </a:lnTo>
                <a:lnTo>
                  <a:pt x="208230" y="564333"/>
                </a:lnTo>
                <a:lnTo>
                  <a:pt x="310836" y="549243"/>
                </a:lnTo>
                <a:lnTo>
                  <a:pt x="449656" y="522083"/>
                </a:lnTo>
                <a:lnTo>
                  <a:pt x="624689" y="488887"/>
                </a:lnTo>
                <a:lnTo>
                  <a:pt x="781616" y="464744"/>
                </a:lnTo>
                <a:lnTo>
                  <a:pt x="841972" y="446637"/>
                </a:lnTo>
                <a:lnTo>
                  <a:pt x="919330" y="406769"/>
                </a:lnTo>
                <a:lnTo>
                  <a:pt x="951092" y="356103"/>
                </a:lnTo>
                <a:lnTo>
                  <a:pt x="969834" y="308924"/>
                </a:lnTo>
                <a:lnTo>
                  <a:pt x="999378" y="281763"/>
                </a:lnTo>
                <a:lnTo>
                  <a:pt x="1032573" y="255709"/>
                </a:lnTo>
                <a:lnTo>
                  <a:pt x="1018118" y="180601"/>
                </a:lnTo>
                <a:lnTo>
                  <a:pt x="959667" y="156927"/>
                </a:lnTo>
                <a:lnTo>
                  <a:pt x="932507" y="57338"/>
                </a:lnTo>
                <a:lnTo>
                  <a:pt x="917418" y="54321"/>
                </a:lnTo>
                <a:lnTo>
                  <a:pt x="899311" y="33196"/>
                </a:lnTo>
                <a:lnTo>
                  <a:pt x="878186" y="27160"/>
                </a:lnTo>
                <a:lnTo>
                  <a:pt x="860079" y="0"/>
                </a:lnTo>
                <a:lnTo>
                  <a:pt x="817830" y="21125"/>
                </a:lnTo>
                <a:lnTo>
                  <a:pt x="754456" y="30178"/>
                </a:lnTo>
                <a:lnTo>
                  <a:pt x="715224" y="30178"/>
                </a:lnTo>
                <a:lnTo>
                  <a:pt x="654867" y="36214"/>
                </a:lnTo>
                <a:lnTo>
                  <a:pt x="618654" y="18107"/>
                </a:lnTo>
                <a:lnTo>
                  <a:pt x="582440" y="6036"/>
                </a:lnTo>
                <a:lnTo>
                  <a:pt x="561315" y="27160"/>
                </a:lnTo>
                <a:lnTo>
                  <a:pt x="576561" y="60356"/>
                </a:lnTo>
                <a:lnTo>
                  <a:pt x="579579" y="79738"/>
                </a:lnTo>
                <a:lnTo>
                  <a:pt x="546226" y="96570"/>
                </a:lnTo>
                <a:lnTo>
                  <a:pt x="513030" y="108641"/>
                </a:lnTo>
                <a:lnTo>
                  <a:pt x="459502" y="112933"/>
                </a:lnTo>
                <a:lnTo>
                  <a:pt x="464267" y="181069"/>
                </a:lnTo>
                <a:lnTo>
                  <a:pt x="437584" y="214265"/>
                </a:lnTo>
                <a:lnTo>
                  <a:pt x="416459" y="247461"/>
                </a:lnTo>
                <a:lnTo>
                  <a:pt x="392317" y="259533"/>
                </a:lnTo>
                <a:lnTo>
                  <a:pt x="353242" y="223486"/>
                </a:lnTo>
                <a:lnTo>
                  <a:pt x="356103" y="298764"/>
                </a:lnTo>
                <a:lnTo>
                  <a:pt x="334978" y="286693"/>
                </a:lnTo>
                <a:lnTo>
                  <a:pt x="316871" y="283675"/>
                </a:lnTo>
                <a:lnTo>
                  <a:pt x="277640" y="302586"/>
                </a:lnTo>
                <a:lnTo>
                  <a:pt x="262551" y="317039"/>
                </a:lnTo>
                <a:lnTo>
                  <a:pt x="229355" y="334978"/>
                </a:lnTo>
                <a:lnTo>
                  <a:pt x="211248" y="316871"/>
                </a:lnTo>
                <a:lnTo>
                  <a:pt x="196158" y="310836"/>
                </a:lnTo>
                <a:lnTo>
                  <a:pt x="132784" y="350067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1" name="Freeform 50"/>
          <p:cNvSpPr/>
          <p:nvPr userDrawn="1"/>
        </p:nvSpPr>
        <p:spPr>
          <a:xfrm rot="171972">
            <a:off x="5660239" y="3643683"/>
            <a:ext cx="1308100" cy="612775"/>
          </a:xfrm>
          <a:custGeom>
            <a:avLst/>
            <a:gdLst>
              <a:gd name="connsiteX0" fmla="*/ 129766 w 1273521"/>
              <a:gd name="connsiteY0" fmla="*/ 238408 h 585458"/>
              <a:gd name="connsiteX1" fmla="*/ 63374 w 1273521"/>
              <a:gd name="connsiteY1" fmla="*/ 331961 h 585458"/>
              <a:gd name="connsiteX2" fmla="*/ 63374 w 1273521"/>
              <a:gd name="connsiteY2" fmla="*/ 368174 h 585458"/>
              <a:gd name="connsiteX3" fmla="*/ 33196 w 1273521"/>
              <a:gd name="connsiteY3" fmla="*/ 452673 h 585458"/>
              <a:gd name="connsiteX4" fmla="*/ 33196 w 1273521"/>
              <a:gd name="connsiteY4" fmla="*/ 488887 h 585458"/>
              <a:gd name="connsiteX5" fmla="*/ 6036 w 1273521"/>
              <a:gd name="connsiteY5" fmla="*/ 525101 h 585458"/>
              <a:gd name="connsiteX6" fmla="*/ 6036 w 1273521"/>
              <a:gd name="connsiteY6" fmla="*/ 555279 h 585458"/>
              <a:gd name="connsiteX7" fmla="*/ 0 w 1273521"/>
              <a:gd name="connsiteY7" fmla="*/ 585458 h 585458"/>
              <a:gd name="connsiteX8" fmla="*/ 283675 w 1273521"/>
              <a:gd name="connsiteY8" fmla="*/ 540190 h 585458"/>
              <a:gd name="connsiteX9" fmla="*/ 328942 w 1273521"/>
              <a:gd name="connsiteY9" fmla="*/ 549244 h 585458"/>
              <a:gd name="connsiteX10" fmla="*/ 334978 w 1273521"/>
              <a:gd name="connsiteY10" fmla="*/ 531137 h 585458"/>
              <a:gd name="connsiteX11" fmla="*/ 365156 w 1273521"/>
              <a:gd name="connsiteY11" fmla="*/ 525101 h 585458"/>
              <a:gd name="connsiteX12" fmla="*/ 419477 w 1273521"/>
              <a:gd name="connsiteY12" fmla="*/ 497941 h 585458"/>
              <a:gd name="connsiteX13" fmla="*/ 452673 w 1273521"/>
              <a:gd name="connsiteY13" fmla="*/ 516048 h 585458"/>
              <a:gd name="connsiteX14" fmla="*/ 932507 w 1273521"/>
              <a:gd name="connsiteY14" fmla="*/ 413442 h 585458"/>
              <a:gd name="connsiteX15" fmla="*/ 905346 w 1273521"/>
              <a:gd name="connsiteY15" fmla="*/ 371192 h 585458"/>
              <a:gd name="connsiteX16" fmla="*/ 941560 w 1273521"/>
              <a:gd name="connsiteY16" fmla="*/ 344032 h 585458"/>
              <a:gd name="connsiteX17" fmla="*/ 956649 w 1273521"/>
              <a:gd name="connsiteY17" fmla="*/ 307818 h 585458"/>
              <a:gd name="connsiteX18" fmla="*/ 1017006 w 1273521"/>
              <a:gd name="connsiteY18" fmla="*/ 250479 h 585458"/>
              <a:gd name="connsiteX19" fmla="*/ 1068309 w 1273521"/>
              <a:gd name="connsiteY19" fmla="*/ 220301 h 585458"/>
              <a:gd name="connsiteX20" fmla="*/ 1101505 w 1273521"/>
              <a:gd name="connsiteY20" fmla="*/ 187105 h 585458"/>
              <a:gd name="connsiteX21" fmla="*/ 1122630 w 1273521"/>
              <a:gd name="connsiteY21" fmla="*/ 144856 h 585458"/>
              <a:gd name="connsiteX22" fmla="*/ 1167897 w 1273521"/>
              <a:gd name="connsiteY22" fmla="*/ 141838 h 585458"/>
              <a:gd name="connsiteX23" fmla="*/ 1192040 w 1273521"/>
              <a:gd name="connsiteY23" fmla="*/ 108642 h 585458"/>
              <a:gd name="connsiteX24" fmla="*/ 1207129 w 1273521"/>
              <a:gd name="connsiteY24" fmla="*/ 90535 h 585458"/>
              <a:gd name="connsiteX25" fmla="*/ 1240325 w 1273521"/>
              <a:gd name="connsiteY25" fmla="*/ 96570 h 585458"/>
              <a:gd name="connsiteX26" fmla="*/ 1270503 w 1273521"/>
              <a:gd name="connsiteY26" fmla="*/ 57339 h 585458"/>
              <a:gd name="connsiteX27" fmla="*/ 1273521 w 1273521"/>
              <a:gd name="connsiteY27" fmla="*/ 0 h 585458"/>
              <a:gd name="connsiteX28" fmla="*/ 980792 w 1273521"/>
              <a:gd name="connsiteY28" fmla="*/ 78463 h 585458"/>
              <a:gd name="connsiteX29" fmla="*/ 334978 w 1273521"/>
              <a:gd name="connsiteY29" fmla="*/ 199176 h 585458"/>
              <a:gd name="connsiteX30" fmla="*/ 274622 w 1273521"/>
              <a:gd name="connsiteY30" fmla="*/ 235390 h 585458"/>
              <a:gd name="connsiteX31" fmla="*/ 235390 w 1273521"/>
              <a:gd name="connsiteY31" fmla="*/ 238408 h 585458"/>
              <a:gd name="connsiteX32" fmla="*/ 129766 w 1273521"/>
              <a:gd name="connsiteY32" fmla="*/ 238408 h 585458"/>
              <a:gd name="connsiteX0" fmla="*/ 129766 w 1278631"/>
              <a:gd name="connsiteY0" fmla="*/ 252687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9477 w 1278631"/>
              <a:gd name="connsiteY12" fmla="*/ 512220 h 599737"/>
              <a:gd name="connsiteX13" fmla="*/ 452673 w 1278631"/>
              <a:gd name="connsiteY13" fmla="*/ 530327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22630 w 1278631"/>
              <a:gd name="connsiteY21" fmla="*/ 15913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129766 w 1278631"/>
              <a:gd name="connsiteY32" fmla="*/ 252687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9477 w 1278631"/>
              <a:gd name="connsiteY12" fmla="*/ 512220 h 599737"/>
              <a:gd name="connsiteX13" fmla="*/ 452673 w 1278631"/>
              <a:gd name="connsiteY13" fmla="*/ 530327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22630 w 1278631"/>
              <a:gd name="connsiteY21" fmla="*/ 15913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9477 w 1278631"/>
              <a:gd name="connsiteY12" fmla="*/ 512220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22630 w 1278631"/>
              <a:gd name="connsiteY21" fmla="*/ 15913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2445 w 1278631"/>
              <a:gd name="connsiteY12" fmla="*/ 511932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22630 w 1278631"/>
              <a:gd name="connsiteY21" fmla="*/ 15913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4939 w 1278631"/>
              <a:gd name="connsiteY12" fmla="*/ 521164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22630 w 1278631"/>
              <a:gd name="connsiteY21" fmla="*/ 15913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4939 w 1278631"/>
              <a:gd name="connsiteY12" fmla="*/ 521164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101505 w 1278631"/>
              <a:gd name="connsiteY20" fmla="*/ 201384 h 599737"/>
              <a:gd name="connsiteX21" fmla="*/ 1141254 w 1278631"/>
              <a:gd name="connsiteY21" fmla="*/ 17076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4939 w 1278631"/>
              <a:gd name="connsiteY12" fmla="*/ 521164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099176 w 1278631"/>
              <a:gd name="connsiteY20" fmla="*/ 173472 h 599737"/>
              <a:gd name="connsiteX21" fmla="*/ 1141254 w 1278631"/>
              <a:gd name="connsiteY21" fmla="*/ 17076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07129 w 1278631"/>
              <a:gd name="connsiteY24" fmla="*/ 104814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4939 w 1278631"/>
              <a:gd name="connsiteY12" fmla="*/ 521164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099176 w 1278631"/>
              <a:gd name="connsiteY20" fmla="*/ 173472 h 599737"/>
              <a:gd name="connsiteX21" fmla="*/ 1141254 w 1278631"/>
              <a:gd name="connsiteY21" fmla="*/ 170765 h 599737"/>
              <a:gd name="connsiteX22" fmla="*/ 1167897 w 1278631"/>
              <a:gd name="connsiteY22" fmla="*/ 156117 h 599737"/>
              <a:gd name="connsiteX23" fmla="*/ 1192040 w 1278631"/>
              <a:gd name="connsiteY23" fmla="*/ 122921 h 599737"/>
              <a:gd name="connsiteX24" fmla="*/ 1211785 w 1278631"/>
              <a:gd name="connsiteY24" fmla="*/ 123423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  <a:gd name="connsiteX0" fmla="*/ 98837 w 1278631"/>
              <a:gd name="connsiteY0" fmla="*/ 262065 h 599737"/>
              <a:gd name="connsiteX1" fmla="*/ 63374 w 1278631"/>
              <a:gd name="connsiteY1" fmla="*/ 346240 h 599737"/>
              <a:gd name="connsiteX2" fmla="*/ 63374 w 1278631"/>
              <a:gd name="connsiteY2" fmla="*/ 382453 h 599737"/>
              <a:gd name="connsiteX3" fmla="*/ 33196 w 1278631"/>
              <a:gd name="connsiteY3" fmla="*/ 466952 h 599737"/>
              <a:gd name="connsiteX4" fmla="*/ 33196 w 1278631"/>
              <a:gd name="connsiteY4" fmla="*/ 503166 h 599737"/>
              <a:gd name="connsiteX5" fmla="*/ 6036 w 1278631"/>
              <a:gd name="connsiteY5" fmla="*/ 539380 h 599737"/>
              <a:gd name="connsiteX6" fmla="*/ 6036 w 1278631"/>
              <a:gd name="connsiteY6" fmla="*/ 569558 h 599737"/>
              <a:gd name="connsiteX7" fmla="*/ 0 w 1278631"/>
              <a:gd name="connsiteY7" fmla="*/ 599737 h 599737"/>
              <a:gd name="connsiteX8" fmla="*/ 283675 w 1278631"/>
              <a:gd name="connsiteY8" fmla="*/ 554469 h 599737"/>
              <a:gd name="connsiteX9" fmla="*/ 328942 w 1278631"/>
              <a:gd name="connsiteY9" fmla="*/ 563523 h 599737"/>
              <a:gd name="connsiteX10" fmla="*/ 334978 w 1278631"/>
              <a:gd name="connsiteY10" fmla="*/ 545416 h 599737"/>
              <a:gd name="connsiteX11" fmla="*/ 365156 w 1278631"/>
              <a:gd name="connsiteY11" fmla="*/ 539380 h 599737"/>
              <a:gd name="connsiteX12" fmla="*/ 414939 w 1278631"/>
              <a:gd name="connsiteY12" fmla="*/ 521164 h 599737"/>
              <a:gd name="connsiteX13" fmla="*/ 443268 w 1278631"/>
              <a:gd name="connsiteY13" fmla="*/ 539549 h 599737"/>
              <a:gd name="connsiteX14" fmla="*/ 932507 w 1278631"/>
              <a:gd name="connsiteY14" fmla="*/ 427721 h 599737"/>
              <a:gd name="connsiteX15" fmla="*/ 905346 w 1278631"/>
              <a:gd name="connsiteY15" fmla="*/ 385471 h 599737"/>
              <a:gd name="connsiteX16" fmla="*/ 941560 w 1278631"/>
              <a:gd name="connsiteY16" fmla="*/ 358311 h 599737"/>
              <a:gd name="connsiteX17" fmla="*/ 956649 w 1278631"/>
              <a:gd name="connsiteY17" fmla="*/ 322097 h 599737"/>
              <a:gd name="connsiteX18" fmla="*/ 1017006 w 1278631"/>
              <a:gd name="connsiteY18" fmla="*/ 264758 h 599737"/>
              <a:gd name="connsiteX19" fmla="*/ 1068309 w 1278631"/>
              <a:gd name="connsiteY19" fmla="*/ 234580 h 599737"/>
              <a:gd name="connsiteX20" fmla="*/ 1099176 w 1278631"/>
              <a:gd name="connsiteY20" fmla="*/ 173472 h 599737"/>
              <a:gd name="connsiteX21" fmla="*/ 1141254 w 1278631"/>
              <a:gd name="connsiteY21" fmla="*/ 170765 h 599737"/>
              <a:gd name="connsiteX22" fmla="*/ 1177209 w 1278631"/>
              <a:gd name="connsiteY22" fmla="*/ 135183 h 599737"/>
              <a:gd name="connsiteX23" fmla="*/ 1192040 w 1278631"/>
              <a:gd name="connsiteY23" fmla="*/ 122921 h 599737"/>
              <a:gd name="connsiteX24" fmla="*/ 1211785 w 1278631"/>
              <a:gd name="connsiteY24" fmla="*/ 123423 h 599737"/>
              <a:gd name="connsiteX25" fmla="*/ 1240325 w 1278631"/>
              <a:gd name="connsiteY25" fmla="*/ 110849 h 599737"/>
              <a:gd name="connsiteX26" fmla="*/ 1270503 w 1278631"/>
              <a:gd name="connsiteY26" fmla="*/ 71618 h 599737"/>
              <a:gd name="connsiteX27" fmla="*/ 1278631 w 1278631"/>
              <a:gd name="connsiteY27" fmla="*/ 0 h 599737"/>
              <a:gd name="connsiteX28" fmla="*/ 980792 w 1278631"/>
              <a:gd name="connsiteY28" fmla="*/ 92742 h 599737"/>
              <a:gd name="connsiteX29" fmla="*/ 334978 w 1278631"/>
              <a:gd name="connsiteY29" fmla="*/ 213455 h 599737"/>
              <a:gd name="connsiteX30" fmla="*/ 274622 w 1278631"/>
              <a:gd name="connsiteY30" fmla="*/ 249669 h 599737"/>
              <a:gd name="connsiteX31" fmla="*/ 235390 w 1278631"/>
              <a:gd name="connsiteY31" fmla="*/ 252687 h 599737"/>
              <a:gd name="connsiteX32" fmla="*/ 98837 w 1278631"/>
              <a:gd name="connsiteY32" fmla="*/ 262065 h 5997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1278631" h="599737">
                <a:moveTo>
                  <a:pt x="98837" y="262065"/>
                </a:moveTo>
                <a:lnTo>
                  <a:pt x="63374" y="346240"/>
                </a:lnTo>
                <a:lnTo>
                  <a:pt x="63374" y="382453"/>
                </a:lnTo>
                <a:lnTo>
                  <a:pt x="33196" y="466952"/>
                </a:lnTo>
                <a:lnTo>
                  <a:pt x="33196" y="503166"/>
                </a:lnTo>
                <a:lnTo>
                  <a:pt x="6036" y="539380"/>
                </a:lnTo>
                <a:lnTo>
                  <a:pt x="6036" y="569558"/>
                </a:lnTo>
                <a:lnTo>
                  <a:pt x="0" y="599737"/>
                </a:lnTo>
                <a:lnTo>
                  <a:pt x="283675" y="554469"/>
                </a:lnTo>
                <a:lnTo>
                  <a:pt x="328942" y="563523"/>
                </a:lnTo>
                <a:lnTo>
                  <a:pt x="334978" y="545416"/>
                </a:lnTo>
                <a:lnTo>
                  <a:pt x="365156" y="539380"/>
                </a:lnTo>
                <a:lnTo>
                  <a:pt x="414939" y="521164"/>
                </a:lnTo>
                <a:lnTo>
                  <a:pt x="443268" y="539549"/>
                </a:lnTo>
                <a:lnTo>
                  <a:pt x="932507" y="427721"/>
                </a:lnTo>
                <a:lnTo>
                  <a:pt x="905346" y="385471"/>
                </a:lnTo>
                <a:lnTo>
                  <a:pt x="941560" y="358311"/>
                </a:lnTo>
                <a:lnTo>
                  <a:pt x="956649" y="322097"/>
                </a:lnTo>
                <a:lnTo>
                  <a:pt x="1017006" y="264758"/>
                </a:lnTo>
                <a:lnTo>
                  <a:pt x="1068309" y="234580"/>
                </a:lnTo>
                <a:lnTo>
                  <a:pt x="1099176" y="173472"/>
                </a:lnTo>
                <a:lnTo>
                  <a:pt x="1141254" y="170765"/>
                </a:lnTo>
                <a:lnTo>
                  <a:pt x="1177209" y="135183"/>
                </a:lnTo>
                <a:lnTo>
                  <a:pt x="1192040" y="122921"/>
                </a:lnTo>
                <a:lnTo>
                  <a:pt x="1211785" y="123423"/>
                </a:lnTo>
                <a:lnTo>
                  <a:pt x="1240325" y="110849"/>
                </a:lnTo>
                <a:lnTo>
                  <a:pt x="1270503" y="71618"/>
                </a:lnTo>
                <a:lnTo>
                  <a:pt x="1278631" y="0"/>
                </a:lnTo>
                <a:lnTo>
                  <a:pt x="980792" y="92742"/>
                </a:lnTo>
                <a:lnTo>
                  <a:pt x="334978" y="213455"/>
                </a:lnTo>
                <a:lnTo>
                  <a:pt x="274622" y="249669"/>
                </a:lnTo>
                <a:lnTo>
                  <a:pt x="235390" y="252687"/>
                </a:lnTo>
                <a:lnTo>
                  <a:pt x="98837" y="262065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2" name="Freeform 51"/>
          <p:cNvSpPr/>
          <p:nvPr userDrawn="1"/>
        </p:nvSpPr>
        <p:spPr>
          <a:xfrm rot="171972">
            <a:off x="5925218" y="2802300"/>
            <a:ext cx="496888" cy="833437"/>
          </a:xfrm>
          <a:custGeom>
            <a:avLst/>
            <a:gdLst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84499 w 497940"/>
              <a:gd name="connsiteY4" fmla="*/ 633742 h 832919"/>
              <a:gd name="connsiteX5" fmla="*/ 87516 w 497940"/>
              <a:gd name="connsiteY5" fmla="*/ 672974 h 832919"/>
              <a:gd name="connsiteX6" fmla="*/ 87516 w 497940"/>
              <a:gd name="connsiteY6" fmla="*/ 672974 h 832919"/>
              <a:gd name="connsiteX7" fmla="*/ 75445 w 497940"/>
              <a:gd name="connsiteY7" fmla="*/ 715224 h 832919"/>
              <a:gd name="connsiteX8" fmla="*/ 42249 w 497940"/>
              <a:gd name="connsiteY8" fmla="*/ 751438 h 832919"/>
              <a:gd name="connsiteX9" fmla="*/ 60356 w 497940"/>
              <a:gd name="connsiteY9" fmla="*/ 763509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497940 w 497940"/>
              <a:gd name="connsiteY24" fmla="*/ 573386 h 832919"/>
              <a:gd name="connsiteX25" fmla="*/ 476815 w 497940"/>
              <a:gd name="connsiteY25" fmla="*/ 525101 h 832919"/>
              <a:gd name="connsiteX26" fmla="*/ 494922 w 497940"/>
              <a:gd name="connsiteY26" fmla="*/ 494923 h 832919"/>
              <a:gd name="connsiteX27" fmla="*/ 380245 w 497940"/>
              <a:gd name="connsiteY27" fmla="*/ 12071 h 832919"/>
              <a:gd name="connsiteX28" fmla="*/ 368174 w 497940"/>
              <a:gd name="connsiteY28" fmla="*/ 0 h 832919"/>
              <a:gd name="connsiteX29" fmla="*/ 184087 w 497940"/>
              <a:gd name="connsiteY29" fmla="*/ 45267 h 832919"/>
              <a:gd name="connsiteX30" fmla="*/ 126748 w 497940"/>
              <a:gd name="connsiteY30" fmla="*/ 54321 h 832919"/>
              <a:gd name="connsiteX31" fmla="*/ 105623 w 497940"/>
              <a:gd name="connsiteY31" fmla="*/ 51303 h 832919"/>
              <a:gd name="connsiteX32" fmla="*/ 57338 w 497940"/>
              <a:gd name="connsiteY32" fmla="*/ 87517 h 832919"/>
              <a:gd name="connsiteX33" fmla="*/ 0 w 497940"/>
              <a:gd name="connsiteY33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84499 w 497940"/>
              <a:gd name="connsiteY4" fmla="*/ 633742 h 832919"/>
              <a:gd name="connsiteX5" fmla="*/ 87516 w 497940"/>
              <a:gd name="connsiteY5" fmla="*/ 672974 h 832919"/>
              <a:gd name="connsiteX6" fmla="*/ 87516 w 497940"/>
              <a:gd name="connsiteY6" fmla="*/ 672974 h 832919"/>
              <a:gd name="connsiteX7" fmla="*/ 75445 w 497940"/>
              <a:gd name="connsiteY7" fmla="*/ 715224 h 832919"/>
              <a:gd name="connsiteX8" fmla="*/ 42249 w 497940"/>
              <a:gd name="connsiteY8" fmla="*/ 751438 h 832919"/>
              <a:gd name="connsiteX9" fmla="*/ 60356 w 497940"/>
              <a:gd name="connsiteY9" fmla="*/ 763509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393738 w 497940"/>
              <a:gd name="connsiteY24" fmla="*/ 619533 h 832919"/>
              <a:gd name="connsiteX25" fmla="*/ 497940 w 497940"/>
              <a:gd name="connsiteY25" fmla="*/ 573386 h 832919"/>
              <a:gd name="connsiteX26" fmla="*/ 476815 w 497940"/>
              <a:gd name="connsiteY26" fmla="*/ 525101 h 832919"/>
              <a:gd name="connsiteX27" fmla="*/ 494922 w 497940"/>
              <a:gd name="connsiteY27" fmla="*/ 494923 h 832919"/>
              <a:gd name="connsiteX28" fmla="*/ 380245 w 497940"/>
              <a:gd name="connsiteY28" fmla="*/ 12071 h 832919"/>
              <a:gd name="connsiteX29" fmla="*/ 368174 w 497940"/>
              <a:gd name="connsiteY29" fmla="*/ 0 h 832919"/>
              <a:gd name="connsiteX30" fmla="*/ 184087 w 497940"/>
              <a:gd name="connsiteY30" fmla="*/ 45267 h 832919"/>
              <a:gd name="connsiteX31" fmla="*/ 126748 w 497940"/>
              <a:gd name="connsiteY31" fmla="*/ 54321 h 832919"/>
              <a:gd name="connsiteX32" fmla="*/ 105623 w 497940"/>
              <a:gd name="connsiteY32" fmla="*/ 51303 h 832919"/>
              <a:gd name="connsiteX33" fmla="*/ 57338 w 497940"/>
              <a:gd name="connsiteY33" fmla="*/ 87517 h 832919"/>
              <a:gd name="connsiteX34" fmla="*/ 0 w 497940"/>
              <a:gd name="connsiteY34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84499 w 497940"/>
              <a:gd name="connsiteY4" fmla="*/ 633742 h 832919"/>
              <a:gd name="connsiteX5" fmla="*/ 87516 w 497940"/>
              <a:gd name="connsiteY5" fmla="*/ 672974 h 832919"/>
              <a:gd name="connsiteX6" fmla="*/ 87516 w 497940"/>
              <a:gd name="connsiteY6" fmla="*/ 672974 h 832919"/>
              <a:gd name="connsiteX7" fmla="*/ 63514 w 497940"/>
              <a:gd name="connsiteY7" fmla="*/ 712845 h 832919"/>
              <a:gd name="connsiteX8" fmla="*/ 42249 w 497940"/>
              <a:gd name="connsiteY8" fmla="*/ 751438 h 832919"/>
              <a:gd name="connsiteX9" fmla="*/ 60356 w 497940"/>
              <a:gd name="connsiteY9" fmla="*/ 763509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393738 w 497940"/>
              <a:gd name="connsiteY24" fmla="*/ 619533 h 832919"/>
              <a:gd name="connsiteX25" fmla="*/ 497940 w 497940"/>
              <a:gd name="connsiteY25" fmla="*/ 573386 h 832919"/>
              <a:gd name="connsiteX26" fmla="*/ 476815 w 497940"/>
              <a:gd name="connsiteY26" fmla="*/ 525101 h 832919"/>
              <a:gd name="connsiteX27" fmla="*/ 494922 w 497940"/>
              <a:gd name="connsiteY27" fmla="*/ 494923 h 832919"/>
              <a:gd name="connsiteX28" fmla="*/ 380245 w 497940"/>
              <a:gd name="connsiteY28" fmla="*/ 12071 h 832919"/>
              <a:gd name="connsiteX29" fmla="*/ 368174 w 497940"/>
              <a:gd name="connsiteY29" fmla="*/ 0 h 832919"/>
              <a:gd name="connsiteX30" fmla="*/ 184087 w 497940"/>
              <a:gd name="connsiteY30" fmla="*/ 45267 h 832919"/>
              <a:gd name="connsiteX31" fmla="*/ 126748 w 497940"/>
              <a:gd name="connsiteY31" fmla="*/ 54321 h 832919"/>
              <a:gd name="connsiteX32" fmla="*/ 105623 w 497940"/>
              <a:gd name="connsiteY32" fmla="*/ 51303 h 832919"/>
              <a:gd name="connsiteX33" fmla="*/ 57338 w 497940"/>
              <a:gd name="connsiteY33" fmla="*/ 87517 h 832919"/>
              <a:gd name="connsiteX34" fmla="*/ 0 w 497940"/>
              <a:gd name="connsiteY34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84499 w 497940"/>
              <a:gd name="connsiteY4" fmla="*/ 633742 h 832919"/>
              <a:gd name="connsiteX5" fmla="*/ 87516 w 497940"/>
              <a:gd name="connsiteY5" fmla="*/ 672974 h 832919"/>
              <a:gd name="connsiteX6" fmla="*/ 80358 w 497940"/>
              <a:gd name="connsiteY6" fmla="*/ 672974 h 832919"/>
              <a:gd name="connsiteX7" fmla="*/ 63514 w 497940"/>
              <a:gd name="connsiteY7" fmla="*/ 712845 h 832919"/>
              <a:gd name="connsiteX8" fmla="*/ 42249 w 497940"/>
              <a:gd name="connsiteY8" fmla="*/ 751438 h 832919"/>
              <a:gd name="connsiteX9" fmla="*/ 60356 w 497940"/>
              <a:gd name="connsiteY9" fmla="*/ 763509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393738 w 497940"/>
              <a:gd name="connsiteY24" fmla="*/ 619533 h 832919"/>
              <a:gd name="connsiteX25" fmla="*/ 497940 w 497940"/>
              <a:gd name="connsiteY25" fmla="*/ 573386 h 832919"/>
              <a:gd name="connsiteX26" fmla="*/ 476815 w 497940"/>
              <a:gd name="connsiteY26" fmla="*/ 525101 h 832919"/>
              <a:gd name="connsiteX27" fmla="*/ 494922 w 497940"/>
              <a:gd name="connsiteY27" fmla="*/ 494923 h 832919"/>
              <a:gd name="connsiteX28" fmla="*/ 380245 w 497940"/>
              <a:gd name="connsiteY28" fmla="*/ 12071 h 832919"/>
              <a:gd name="connsiteX29" fmla="*/ 368174 w 497940"/>
              <a:gd name="connsiteY29" fmla="*/ 0 h 832919"/>
              <a:gd name="connsiteX30" fmla="*/ 184087 w 497940"/>
              <a:gd name="connsiteY30" fmla="*/ 45267 h 832919"/>
              <a:gd name="connsiteX31" fmla="*/ 126748 w 497940"/>
              <a:gd name="connsiteY31" fmla="*/ 54321 h 832919"/>
              <a:gd name="connsiteX32" fmla="*/ 105623 w 497940"/>
              <a:gd name="connsiteY32" fmla="*/ 51303 h 832919"/>
              <a:gd name="connsiteX33" fmla="*/ 57338 w 497940"/>
              <a:gd name="connsiteY33" fmla="*/ 87517 h 832919"/>
              <a:gd name="connsiteX34" fmla="*/ 0 w 497940"/>
              <a:gd name="connsiteY34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77340 w 497940"/>
              <a:gd name="connsiteY4" fmla="*/ 633742 h 832919"/>
              <a:gd name="connsiteX5" fmla="*/ 87516 w 497940"/>
              <a:gd name="connsiteY5" fmla="*/ 672974 h 832919"/>
              <a:gd name="connsiteX6" fmla="*/ 80358 w 497940"/>
              <a:gd name="connsiteY6" fmla="*/ 672974 h 832919"/>
              <a:gd name="connsiteX7" fmla="*/ 63514 w 497940"/>
              <a:gd name="connsiteY7" fmla="*/ 712845 h 832919"/>
              <a:gd name="connsiteX8" fmla="*/ 42249 w 497940"/>
              <a:gd name="connsiteY8" fmla="*/ 751438 h 832919"/>
              <a:gd name="connsiteX9" fmla="*/ 60356 w 497940"/>
              <a:gd name="connsiteY9" fmla="*/ 763509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393738 w 497940"/>
              <a:gd name="connsiteY24" fmla="*/ 619533 h 832919"/>
              <a:gd name="connsiteX25" fmla="*/ 497940 w 497940"/>
              <a:gd name="connsiteY25" fmla="*/ 573386 h 832919"/>
              <a:gd name="connsiteX26" fmla="*/ 476815 w 497940"/>
              <a:gd name="connsiteY26" fmla="*/ 525101 h 832919"/>
              <a:gd name="connsiteX27" fmla="*/ 494922 w 497940"/>
              <a:gd name="connsiteY27" fmla="*/ 494923 h 832919"/>
              <a:gd name="connsiteX28" fmla="*/ 380245 w 497940"/>
              <a:gd name="connsiteY28" fmla="*/ 12071 h 832919"/>
              <a:gd name="connsiteX29" fmla="*/ 368174 w 497940"/>
              <a:gd name="connsiteY29" fmla="*/ 0 h 832919"/>
              <a:gd name="connsiteX30" fmla="*/ 184087 w 497940"/>
              <a:gd name="connsiteY30" fmla="*/ 45267 h 832919"/>
              <a:gd name="connsiteX31" fmla="*/ 126748 w 497940"/>
              <a:gd name="connsiteY31" fmla="*/ 54321 h 832919"/>
              <a:gd name="connsiteX32" fmla="*/ 105623 w 497940"/>
              <a:gd name="connsiteY32" fmla="*/ 51303 h 832919"/>
              <a:gd name="connsiteX33" fmla="*/ 57338 w 497940"/>
              <a:gd name="connsiteY33" fmla="*/ 87517 h 832919"/>
              <a:gd name="connsiteX34" fmla="*/ 0 w 497940"/>
              <a:gd name="connsiteY34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77340 w 497940"/>
              <a:gd name="connsiteY4" fmla="*/ 633742 h 832919"/>
              <a:gd name="connsiteX5" fmla="*/ 87516 w 497940"/>
              <a:gd name="connsiteY5" fmla="*/ 672974 h 832919"/>
              <a:gd name="connsiteX6" fmla="*/ 80358 w 497940"/>
              <a:gd name="connsiteY6" fmla="*/ 672974 h 832919"/>
              <a:gd name="connsiteX7" fmla="*/ 63514 w 497940"/>
              <a:gd name="connsiteY7" fmla="*/ 712845 h 832919"/>
              <a:gd name="connsiteX8" fmla="*/ 42249 w 497940"/>
              <a:gd name="connsiteY8" fmla="*/ 751438 h 832919"/>
              <a:gd name="connsiteX9" fmla="*/ 46037 w 497940"/>
              <a:gd name="connsiteY9" fmla="*/ 773028 h 832919"/>
              <a:gd name="connsiteX10" fmla="*/ 51303 w 497940"/>
              <a:gd name="connsiteY10" fmla="*/ 820847 h 832919"/>
              <a:gd name="connsiteX11" fmla="*/ 48285 w 497940"/>
              <a:gd name="connsiteY11" fmla="*/ 832919 h 832919"/>
              <a:gd name="connsiteX12" fmla="*/ 108641 w 497940"/>
              <a:gd name="connsiteY12" fmla="*/ 808776 h 832919"/>
              <a:gd name="connsiteX13" fmla="*/ 135802 w 497940"/>
              <a:gd name="connsiteY13" fmla="*/ 826883 h 832919"/>
              <a:gd name="connsiteX14" fmla="*/ 214265 w 497940"/>
              <a:gd name="connsiteY14" fmla="*/ 790669 h 832919"/>
              <a:gd name="connsiteX15" fmla="*/ 229354 w 497940"/>
              <a:gd name="connsiteY15" fmla="*/ 772562 h 832919"/>
              <a:gd name="connsiteX16" fmla="*/ 262550 w 497940"/>
              <a:gd name="connsiteY16" fmla="*/ 790669 h 832919"/>
              <a:gd name="connsiteX17" fmla="*/ 262550 w 497940"/>
              <a:gd name="connsiteY17" fmla="*/ 736348 h 832919"/>
              <a:gd name="connsiteX18" fmla="*/ 265568 w 497940"/>
              <a:gd name="connsiteY18" fmla="*/ 727295 h 832919"/>
              <a:gd name="connsiteX19" fmla="*/ 298764 w 497940"/>
              <a:gd name="connsiteY19" fmla="*/ 748420 h 832919"/>
              <a:gd name="connsiteX20" fmla="*/ 310835 w 497940"/>
              <a:gd name="connsiteY20" fmla="*/ 748420 h 832919"/>
              <a:gd name="connsiteX21" fmla="*/ 322906 w 497940"/>
              <a:gd name="connsiteY21" fmla="*/ 736348 h 832919"/>
              <a:gd name="connsiteX22" fmla="*/ 368174 w 497940"/>
              <a:gd name="connsiteY22" fmla="*/ 679010 h 832919"/>
              <a:gd name="connsiteX23" fmla="*/ 377227 w 497940"/>
              <a:gd name="connsiteY23" fmla="*/ 603564 h 832919"/>
              <a:gd name="connsiteX24" fmla="*/ 393738 w 497940"/>
              <a:gd name="connsiteY24" fmla="*/ 619533 h 832919"/>
              <a:gd name="connsiteX25" fmla="*/ 497940 w 497940"/>
              <a:gd name="connsiteY25" fmla="*/ 573386 h 832919"/>
              <a:gd name="connsiteX26" fmla="*/ 476815 w 497940"/>
              <a:gd name="connsiteY26" fmla="*/ 525101 h 832919"/>
              <a:gd name="connsiteX27" fmla="*/ 494922 w 497940"/>
              <a:gd name="connsiteY27" fmla="*/ 494923 h 832919"/>
              <a:gd name="connsiteX28" fmla="*/ 380245 w 497940"/>
              <a:gd name="connsiteY28" fmla="*/ 12071 h 832919"/>
              <a:gd name="connsiteX29" fmla="*/ 368174 w 497940"/>
              <a:gd name="connsiteY29" fmla="*/ 0 h 832919"/>
              <a:gd name="connsiteX30" fmla="*/ 184087 w 497940"/>
              <a:gd name="connsiteY30" fmla="*/ 45267 h 832919"/>
              <a:gd name="connsiteX31" fmla="*/ 126748 w 497940"/>
              <a:gd name="connsiteY31" fmla="*/ 54321 h 832919"/>
              <a:gd name="connsiteX32" fmla="*/ 105623 w 497940"/>
              <a:gd name="connsiteY32" fmla="*/ 51303 h 832919"/>
              <a:gd name="connsiteX33" fmla="*/ 57338 w 497940"/>
              <a:gd name="connsiteY33" fmla="*/ 87517 h 832919"/>
              <a:gd name="connsiteX34" fmla="*/ 0 w 497940"/>
              <a:gd name="connsiteY34" fmla="*/ 102606 h 832919"/>
              <a:gd name="connsiteX0" fmla="*/ 0 w 497940"/>
              <a:gd name="connsiteY0" fmla="*/ 102606 h 832919"/>
              <a:gd name="connsiteX1" fmla="*/ 84499 w 497940"/>
              <a:gd name="connsiteY1" fmla="*/ 482851 h 832919"/>
              <a:gd name="connsiteX2" fmla="*/ 78463 w 497940"/>
              <a:gd name="connsiteY2" fmla="*/ 522083 h 832919"/>
              <a:gd name="connsiteX3" fmla="*/ 66392 w 497940"/>
              <a:gd name="connsiteY3" fmla="*/ 567350 h 832919"/>
              <a:gd name="connsiteX4" fmla="*/ 77340 w 497940"/>
              <a:gd name="connsiteY4" fmla="*/ 633742 h 832919"/>
              <a:gd name="connsiteX5" fmla="*/ 87516 w 497940"/>
              <a:gd name="connsiteY5" fmla="*/ 672974 h 832919"/>
              <a:gd name="connsiteX6" fmla="*/ 80358 w 497940"/>
              <a:gd name="connsiteY6" fmla="*/ 672974 h 832919"/>
              <a:gd name="connsiteX7" fmla="*/ 63514 w 497940"/>
              <a:gd name="connsiteY7" fmla="*/ 712845 h 832919"/>
              <a:gd name="connsiteX8" fmla="*/ 42249 w 497940"/>
              <a:gd name="connsiteY8" fmla="*/ 751438 h 832919"/>
              <a:gd name="connsiteX9" fmla="*/ 46037 w 497940"/>
              <a:gd name="connsiteY9" fmla="*/ 773028 h 832919"/>
              <a:gd name="connsiteX10" fmla="*/ 48285 w 497940"/>
              <a:gd name="connsiteY10" fmla="*/ 832919 h 832919"/>
              <a:gd name="connsiteX11" fmla="*/ 108641 w 497940"/>
              <a:gd name="connsiteY11" fmla="*/ 808776 h 832919"/>
              <a:gd name="connsiteX12" fmla="*/ 135802 w 497940"/>
              <a:gd name="connsiteY12" fmla="*/ 826883 h 832919"/>
              <a:gd name="connsiteX13" fmla="*/ 214265 w 497940"/>
              <a:gd name="connsiteY13" fmla="*/ 790669 h 832919"/>
              <a:gd name="connsiteX14" fmla="*/ 229354 w 497940"/>
              <a:gd name="connsiteY14" fmla="*/ 772562 h 832919"/>
              <a:gd name="connsiteX15" fmla="*/ 262550 w 497940"/>
              <a:gd name="connsiteY15" fmla="*/ 790669 h 832919"/>
              <a:gd name="connsiteX16" fmla="*/ 262550 w 497940"/>
              <a:gd name="connsiteY16" fmla="*/ 736348 h 832919"/>
              <a:gd name="connsiteX17" fmla="*/ 265568 w 497940"/>
              <a:gd name="connsiteY17" fmla="*/ 727295 h 832919"/>
              <a:gd name="connsiteX18" fmla="*/ 298764 w 497940"/>
              <a:gd name="connsiteY18" fmla="*/ 748420 h 832919"/>
              <a:gd name="connsiteX19" fmla="*/ 310835 w 497940"/>
              <a:gd name="connsiteY19" fmla="*/ 748420 h 832919"/>
              <a:gd name="connsiteX20" fmla="*/ 322906 w 497940"/>
              <a:gd name="connsiteY20" fmla="*/ 736348 h 832919"/>
              <a:gd name="connsiteX21" fmla="*/ 368174 w 497940"/>
              <a:gd name="connsiteY21" fmla="*/ 679010 h 832919"/>
              <a:gd name="connsiteX22" fmla="*/ 377227 w 497940"/>
              <a:gd name="connsiteY22" fmla="*/ 603564 h 832919"/>
              <a:gd name="connsiteX23" fmla="*/ 393738 w 497940"/>
              <a:gd name="connsiteY23" fmla="*/ 619533 h 832919"/>
              <a:gd name="connsiteX24" fmla="*/ 497940 w 497940"/>
              <a:gd name="connsiteY24" fmla="*/ 573386 h 832919"/>
              <a:gd name="connsiteX25" fmla="*/ 476815 w 497940"/>
              <a:gd name="connsiteY25" fmla="*/ 525101 h 832919"/>
              <a:gd name="connsiteX26" fmla="*/ 494922 w 497940"/>
              <a:gd name="connsiteY26" fmla="*/ 494923 h 832919"/>
              <a:gd name="connsiteX27" fmla="*/ 380245 w 497940"/>
              <a:gd name="connsiteY27" fmla="*/ 12071 h 832919"/>
              <a:gd name="connsiteX28" fmla="*/ 368174 w 497940"/>
              <a:gd name="connsiteY28" fmla="*/ 0 h 832919"/>
              <a:gd name="connsiteX29" fmla="*/ 184087 w 497940"/>
              <a:gd name="connsiteY29" fmla="*/ 45267 h 832919"/>
              <a:gd name="connsiteX30" fmla="*/ 126748 w 497940"/>
              <a:gd name="connsiteY30" fmla="*/ 54321 h 832919"/>
              <a:gd name="connsiteX31" fmla="*/ 105623 w 497940"/>
              <a:gd name="connsiteY31" fmla="*/ 51303 h 832919"/>
              <a:gd name="connsiteX32" fmla="*/ 57338 w 497940"/>
              <a:gd name="connsiteY32" fmla="*/ 87517 h 832919"/>
              <a:gd name="connsiteX33" fmla="*/ 0 w 497940"/>
              <a:gd name="connsiteY33" fmla="*/ 102606 h 8329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497940" h="832919">
                <a:moveTo>
                  <a:pt x="0" y="102606"/>
                </a:moveTo>
                <a:lnTo>
                  <a:pt x="84499" y="482851"/>
                </a:lnTo>
                <a:lnTo>
                  <a:pt x="78463" y="522083"/>
                </a:lnTo>
                <a:lnTo>
                  <a:pt x="66392" y="567350"/>
                </a:lnTo>
                <a:lnTo>
                  <a:pt x="77340" y="633742"/>
                </a:lnTo>
                <a:lnTo>
                  <a:pt x="87516" y="672974"/>
                </a:lnTo>
                <a:lnTo>
                  <a:pt x="80358" y="672974"/>
                </a:lnTo>
                <a:lnTo>
                  <a:pt x="63514" y="712845"/>
                </a:lnTo>
                <a:lnTo>
                  <a:pt x="42249" y="751438"/>
                </a:lnTo>
                <a:lnTo>
                  <a:pt x="46037" y="773028"/>
                </a:lnTo>
                <a:cubicBezTo>
                  <a:pt x="46786" y="792992"/>
                  <a:pt x="47536" y="812955"/>
                  <a:pt x="48285" y="832919"/>
                </a:cubicBezTo>
                <a:lnTo>
                  <a:pt x="108641" y="808776"/>
                </a:lnTo>
                <a:lnTo>
                  <a:pt x="135802" y="826883"/>
                </a:lnTo>
                <a:lnTo>
                  <a:pt x="214265" y="790669"/>
                </a:lnTo>
                <a:lnTo>
                  <a:pt x="229354" y="772562"/>
                </a:lnTo>
                <a:lnTo>
                  <a:pt x="262550" y="790669"/>
                </a:lnTo>
                <a:lnTo>
                  <a:pt x="262550" y="736348"/>
                </a:lnTo>
                <a:lnTo>
                  <a:pt x="265568" y="727295"/>
                </a:lnTo>
                <a:lnTo>
                  <a:pt x="298764" y="748420"/>
                </a:lnTo>
                <a:lnTo>
                  <a:pt x="310835" y="748420"/>
                </a:lnTo>
                <a:lnTo>
                  <a:pt x="322906" y="736348"/>
                </a:lnTo>
                <a:lnTo>
                  <a:pt x="368174" y="679010"/>
                </a:lnTo>
                <a:lnTo>
                  <a:pt x="377227" y="603564"/>
                </a:lnTo>
                <a:cubicBezTo>
                  <a:pt x="380345" y="603334"/>
                  <a:pt x="390620" y="619763"/>
                  <a:pt x="393738" y="619533"/>
                </a:cubicBezTo>
                <a:lnTo>
                  <a:pt x="497940" y="573386"/>
                </a:lnTo>
                <a:lnTo>
                  <a:pt x="476815" y="525101"/>
                </a:lnTo>
                <a:lnTo>
                  <a:pt x="494922" y="494923"/>
                </a:lnTo>
                <a:lnTo>
                  <a:pt x="380245" y="12071"/>
                </a:lnTo>
                <a:lnTo>
                  <a:pt x="368174" y="0"/>
                </a:lnTo>
                <a:lnTo>
                  <a:pt x="184087" y="45267"/>
                </a:lnTo>
                <a:lnTo>
                  <a:pt x="126748" y="54321"/>
                </a:lnTo>
                <a:lnTo>
                  <a:pt x="105623" y="51303"/>
                </a:lnTo>
                <a:lnTo>
                  <a:pt x="57338" y="87517"/>
                </a:lnTo>
                <a:lnTo>
                  <a:pt x="0" y="102606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3" name="Freeform 52"/>
          <p:cNvSpPr/>
          <p:nvPr userDrawn="1"/>
        </p:nvSpPr>
        <p:spPr>
          <a:xfrm rot="171972">
            <a:off x="2970863" y="3987891"/>
            <a:ext cx="2178050" cy="2039937"/>
          </a:xfrm>
          <a:custGeom>
            <a:avLst/>
            <a:gdLst>
              <a:gd name="connsiteX0" fmla="*/ 586946 w 2168610"/>
              <a:gd name="connsiteY0" fmla="*/ 0 h 2032687"/>
              <a:gd name="connsiteX1" fmla="*/ 580767 w 2168610"/>
              <a:gd name="connsiteY1" fmla="*/ 864973 h 2032687"/>
              <a:gd name="connsiteX2" fmla="*/ 6178 w 2168610"/>
              <a:gd name="connsiteY2" fmla="*/ 846438 h 2032687"/>
              <a:gd name="connsiteX3" fmla="*/ 0 w 2168610"/>
              <a:gd name="connsiteY3" fmla="*/ 883509 h 2032687"/>
              <a:gd name="connsiteX4" fmla="*/ 49427 w 2168610"/>
              <a:gd name="connsiteY4" fmla="*/ 914400 h 2032687"/>
              <a:gd name="connsiteX5" fmla="*/ 105032 w 2168610"/>
              <a:gd name="connsiteY5" fmla="*/ 982363 h 2032687"/>
              <a:gd name="connsiteX6" fmla="*/ 154459 w 2168610"/>
              <a:gd name="connsiteY6" fmla="*/ 1056503 h 2032687"/>
              <a:gd name="connsiteX7" fmla="*/ 203886 w 2168610"/>
              <a:gd name="connsiteY7" fmla="*/ 1068860 h 2032687"/>
              <a:gd name="connsiteX8" fmla="*/ 240956 w 2168610"/>
              <a:gd name="connsiteY8" fmla="*/ 1118287 h 2032687"/>
              <a:gd name="connsiteX9" fmla="*/ 271848 w 2168610"/>
              <a:gd name="connsiteY9" fmla="*/ 1167714 h 2032687"/>
              <a:gd name="connsiteX10" fmla="*/ 296562 w 2168610"/>
              <a:gd name="connsiteY10" fmla="*/ 1223319 h 2032687"/>
              <a:gd name="connsiteX11" fmla="*/ 308919 w 2168610"/>
              <a:gd name="connsiteY11" fmla="*/ 1297460 h 2032687"/>
              <a:gd name="connsiteX12" fmla="*/ 327454 w 2168610"/>
              <a:gd name="connsiteY12" fmla="*/ 1322173 h 2032687"/>
              <a:gd name="connsiteX13" fmla="*/ 432486 w 2168610"/>
              <a:gd name="connsiteY13" fmla="*/ 1402492 h 2032687"/>
              <a:gd name="connsiteX14" fmla="*/ 438665 w 2168610"/>
              <a:gd name="connsiteY14" fmla="*/ 1377779 h 2032687"/>
              <a:gd name="connsiteX15" fmla="*/ 574589 w 2168610"/>
              <a:gd name="connsiteY15" fmla="*/ 1445741 h 2032687"/>
              <a:gd name="connsiteX16" fmla="*/ 574589 w 2168610"/>
              <a:gd name="connsiteY16" fmla="*/ 1445741 h 2032687"/>
              <a:gd name="connsiteX17" fmla="*/ 605481 w 2168610"/>
              <a:gd name="connsiteY17" fmla="*/ 1390136 h 2032687"/>
              <a:gd name="connsiteX18" fmla="*/ 661086 w 2168610"/>
              <a:gd name="connsiteY18" fmla="*/ 1322173 h 2032687"/>
              <a:gd name="connsiteX19" fmla="*/ 729048 w 2168610"/>
              <a:gd name="connsiteY19" fmla="*/ 1303638 h 2032687"/>
              <a:gd name="connsiteX20" fmla="*/ 821724 w 2168610"/>
              <a:gd name="connsiteY20" fmla="*/ 1315995 h 2032687"/>
              <a:gd name="connsiteX21" fmla="*/ 902043 w 2168610"/>
              <a:gd name="connsiteY21" fmla="*/ 1377779 h 2032687"/>
              <a:gd name="connsiteX22" fmla="*/ 957648 w 2168610"/>
              <a:gd name="connsiteY22" fmla="*/ 1458098 h 2032687"/>
              <a:gd name="connsiteX23" fmla="*/ 1013254 w 2168610"/>
              <a:gd name="connsiteY23" fmla="*/ 1538417 h 2032687"/>
              <a:gd name="connsiteX24" fmla="*/ 1062681 w 2168610"/>
              <a:gd name="connsiteY24" fmla="*/ 1624914 h 2032687"/>
              <a:gd name="connsiteX25" fmla="*/ 1118286 w 2168610"/>
              <a:gd name="connsiteY25" fmla="*/ 1692876 h 2032687"/>
              <a:gd name="connsiteX26" fmla="*/ 1167713 w 2168610"/>
              <a:gd name="connsiteY26" fmla="*/ 1729946 h 2032687"/>
              <a:gd name="connsiteX27" fmla="*/ 1198605 w 2168610"/>
              <a:gd name="connsiteY27" fmla="*/ 1810265 h 2032687"/>
              <a:gd name="connsiteX28" fmla="*/ 1223319 w 2168610"/>
              <a:gd name="connsiteY28" fmla="*/ 1872049 h 2032687"/>
              <a:gd name="connsiteX29" fmla="*/ 1248032 w 2168610"/>
              <a:gd name="connsiteY29" fmla="*/ 1933833 h 2032687"/>
              <a:gd name="connsiteX30" fmla="*/ 1278924 w 2168610"/>
              <a:gd name="connsiteY30" fmla="*/ 1977082 h 2032687"/>
              <a:gd name="connsiteX31" fmla="*/ 1340708 w 2168610"/>
              <a:gd name="connsiteY31" fmla="*/ 2001795 h 2032687"/>
              <a:gd name="connsiteX32" fmla="*/ 1439562 w 2168610"/>
              <a:gd name="connsiteY32" fmla="*/ 2020330 h 2032687"/>
              <a:gd name="connsiteX33" fmla="*/ 1513702 w 2168610"/>
              <a:gd name="connsiteY33" fmla="*/ 2032687 h 2032687"/>
              <a:gd name="connsiteX34" fmla="*/ 1606378 w 2168610"/>
              <a:gd name="connsiteY34" fmla="*/ 2032687 h 2032687"/>
              <a:gd name="connsiteX35" fmla="*/ 1587843 w 2168610"/>
              <a:gd name="connsiteY35" fmla="*/ 2020330 h 2032687"/>
              <a:gd name="connsiteX36" fmla="*/ 1587843 w 2168610"/>
              <a:gd name="connsiteY36" fmla="*/ 2020330 h 2032687"/>
              <a:gd name="connsiteX37" fmla="*/ 1575486 w 2168610"/>
              <a:gd name="connsiteY37" fmla="*/ 1952368 h 2032687"/>
              <a:gd name="connsiteX38" fmla="*/ 1550773 w 2168610"/>
              <a:gd name="connsiteY38" fmla="*/ 1921476 h 2032687"/>
              <a:gd name="connsiteX39" fmla="*/ 1544594 w 2168610"/>
              <a:gd name="connsiteY39" fmla="*/ 1884406 h 2032687"/>
              <a:gd name="connsiteX40" fmla="*/ 1526059 w 2168610"/>
              <a:gd name="connsiteY40" fmla="*/ 1841157 h 2032687"/>
              <a:gd name="connsiteX41" fmla="*/ 1538416 w 2168610"/>
              <a:gd name="connsiteY41" fmla="*/ 1810265 h 2032687"/>
              <a:gd name="connsiteX42" fmla="*/ 1532237 w 2168610"/>
              <a:gd name="connsiteY42" fmla="*/ 1791730 h 2032687"/>
              <a:gd name="connsiteX43" fmla="*/ 1488989 w 2168610"/>
              <a:gd name="connsiteY43" fmla="*/ 1767017 h 2032687"/>
              <a:gd name="connsiteX44" fmla="*/ 1538416 w 2168610"/>
              <a:gd name="connsiteY44" fmla="*/ 1736125 h 2032687"/>
              <a:gd name="connsiteX45" fmla="*/ 1544594 w 2168610"/>
              <a:gd name="connsiteY45" fmla="*/ 1723768 h 2032687"/>
              <a:gd name="connsiteX46" fmla="*/ 1550773 w 2168610"/>
              <a:gd name="connsiteY46" fmla="*/ 1692876 h 2032687"/>
              <a:gd name="connsiteX47" fmla="*/ 1526059 w 2168610"/>
              <a:gd name="connsiteY47" fmla="*/ 1661984 h 2032687"/>
              <a:gd name="connsiteX48" fmla="*/ 1550773 w 2168610"/>
              <a:gd name="connsiteY48" fmla="*/ 1661984 h 2032687"/>
              <a:gd name="connsiteX49" fmla="*/ 1575486 w 2168610"/>
              <a:gd name="connsiteY49" fmla="*/ 1643449 h 2032687"/>
              <a:gd name="connsiteX50" fmla="*/ 1550773 w 2168610"/>
              <a:gd name="connsiteY50" fmla="*/ 1587844 h 2032687"/>
              <a:gd name="connsiteX51" fmla="*/ 1550773 w 2168610"/>
              <a:gd name="connsiteY51" fmla="*/ 1587844 h 2032687"/>
              <a:gd name="connsiteX52" fmla="*/ 1618735 w 2168610"/>
              <a:gd name="connsiteY52" fmla="*/ 1587844 h 2032687"/>
              <a:gd name="connsiteX53" fmla="*/ 1631092 w 2168610"/>
              <a:gd name="connsiteY53" fmla="*/ 1575487 h 2032687"/>
              <a:gd name="connsiteX54" fmla="*/ 1649627 w 2168610"/>
              <a:gd name="connsiteY54" fmla="*/ 1526060 h 2032687"/>
              <a:gd name="connsiteX55" fmla="*/ 1686697 w 2168610"/>
              <a:gd name="connsiteY55" fmla="*/ 1526060 h 2032687"/>
              <a:gd name="connsiteX56" fmla="*/ 1705232 w 2168610"/>
              <a:gd name="connsiteY56" fmla="*/ 1526060 h 2032687"/>
              <a:gd name="connsiteX57" fmla="*/ 1705232 w 2168610"/>
              <a:gd name="connsiteY57" fmla="*/ 1495168 h 2032687"/>
              <a:gd name="connsiteX58" fmla="*/ 1699054 w 2168610"/>
              <a:gd name="connsiteY58" fmla="*/ 1476633 h 2032687"/>
              <a:gd name="connsiteX59" fmla="*/ 1699054 w 2168610"/>
              <a:gd name="connsiteY59" fmla="*/ 1476633 h 2032687"/>
              <a:gd name="connsiteX60" fmla="*/ 1773194 w 2168610"/>
              <a:gd name="connsiteY60" fmla="*/ 1482811 h 2032687"/>
              <a:gd name="connsiteX61" fmla="*/ 1834978 w 2168610"/>
              <a:gd name="connsiteY61" fmla="*/ 1470455 h 2032687"/>
              <a:gd name="connsiteX62" fmla="*/ 1896762 w 2168610"/>
              <a:gd name="connsiteY62" fmla="*/ 1414849 h 2032687"/>
              <a:gd name="connsiteX63" fmla="*/ 1896762 w 2168610"/>
              <a:gd name="connsiteY63" fmla="*/ 1371600 h 2032687"/>
              <a:gd name="connsiteX64" fmla="*/ 1946189 w 2168610"/>
              <a:gd name="connsiteY64" fmla="*/ 1340709 h 2032687"/>
              <a:gd name="connsiteX65" fmla="*/ 1940010 w 2168610"/>
              <a:gd name="connsiteY65" fmla="*/ 1278925 h 2032687"/>
              <a:gd name="connsiteX66" fmla="*/ 1983259 w 2168610"/>
              <a:gd name="connsiteY66" fmla="*/ 1260390 h 2032687"/>
              <a:gd name="connsiteX67" fmla="*/ 2007973 w 2168610"/>
              <a:gd name="connsiteY67" fmla="*/ 1322173 h 2032687"/>
              <a:gd name="connsiteX68" fmla="*/ 2143897 w 2168610"/>
              <a:gd name="connsiteY68" fmla="*/ 1248033 h 2032687"/>
              <a:gd name="connsiteX69" fmla="*/ 2156254 w 2168610"/>
              <a:gd name="connsiteY69" fmla="*/ 1161536 h 2032687"/>
              <a:gd name="connsiteX70" fmla="*/ 2143897 w 2168610"/>
              <a:gd name="connsiteY70" fmla="*/ 1124465 h 2032687"/>
              <a:gd name="connsiteX71" fmla="*/ 2137719 w 2168610"/>
              <a:gd name="connsiteY71" fmla="*/ 1087395 h 2032687"/>
              <a:gd name="connsiteX72" fmla="*/ 2150075 w 2168610"/>
              <a:gd name="connsiteY72" fmla="*/ 1044146 h 2032687"/>
              <a:gd name="connsiteX73" fmla="*/ 2168610 w 2168610"/>
              <a:gd name="connsiteY73" fmla="*/ 1007076 h 2032687"/>
              <a:gd name="connsiteX74" fmla="*/ 2131540 w 2168610"/>
              <a:gd name="connsiteY74" fmla="*/ 895865 h 2032687"/>
              <a:gd name="connsiteX75" fmla="*/ 2100648 w 2168610"/>
              <a:gd name="connsiteY75" fmla="*/ 864973 h 2032687"/>
              <a:gd name="connsiteX76" fmla="*/ 2075935 w 2168610"/>
              <a:gd name="connsiteY76" fmla="*/ 784655 h 2032687"/>
              <a:gd name="connsiteX77" fmla="*/ 2063578 w 2168610"/>
              <a:gd name="connsiteY77" fmla="*/ 611660 h 2032687"/>
              <a:gd name="connsiteX78" fmla="*/ 2051221 w 2168610"/>
              <a:gd name="connsiteY78" fmla="*/ 512806 h 2032687"/>
              <a:gd name="connsiteX79" fmla="*/ 2032686 w 2168610"/>
              <a:gd name="connsiteY79" fmla="*/ 494271 h 2032687"/>
              <a:gd name="connsiteX80" fmla="*/ 1983259 w 2168610"/>
              <a:gd name="connsiteY80" fmla="*/ 518984 h 2032687"/>
              <a:gd name="connsiteX81" fmla="*/ 1872048 w 2168610"/>
              <a:gd name="connsiteY81" fmla="*/ 463379 h 2032687"/>
              <a:gd name="connsiteX82" fmla="*/ 1834978 w 2168610"/>
              <a:gd name="connsiteY82" fmla="*/ 463379 h 2032687"/>
              <a:gd name="connsiteX83" fmla="*/ 1767016 w 2168610"/>
              <a:gd name="connsiteY83" fmla="*/ 457200 h 2032687"/>
              <a:gd name="connsiteX84" fmla="*/ 1692875 w 2168610"/>
              <a:gd name="connsiteY84" fmla="*/ 512806 h 2032687"/>
              <a:gd name="connsiteX85" fmla="*/ 1631092 w 2168610"/>
              <a:gd name="connsiteY85" fmla="*/ 481914 h 2032687"/>
              <a:gd name="connsiteX86" fmla="*/ 1594021 w 2168610"/>
              <a:gd name="connsiteY86" fmla="*/ 494271 h 2032687"/>
              <a:gd name="connsiteX87" fmla="*/ 1594021 w 2168610"/>
              <a:gd name="connsiteY87" fmla="*/ 494271 h 2032687"/>
              <a:gd name="connsiteX88" fmla="*/ 1519881 w 2168610"/>
              <a:gd name="connsiteY88" fmla="*/ 488092 h 2032687"/>
              <a:gd name="connsiteX89" fmla="*/ 1488989 w 2168610"/>
              <a:gd name="connsiteY89" fmla="*/ 463379 h 2032687"/>
              <a:gd name="connsiteX90" fmla="*/ 1439562 w 2168610"/>
              <a:gd name="connsiteY90" fmla="*/ 481914 h 2032687"/>
              <a:gd name="connsiteX91" fmla="*/ 1353065 w 2168610"/>
              <a:gd name="connsiteY91" fmla="*/ 438665 h 2032687"/>
              <a:gd name="connsiteX92" fmla="*/ 1291281 w 2168610"/>
              <a:gd name="connsiteY92" fmla="*/ 444844 h 2032687"/>
              <a:gd name="connsiteX93" fmla="*/ 1260389 w 2168610"/>
              <a:gd name="connsiteY93" fmla="*/ 432487 h 2032687"/>
              <a:gd name="connsiteX94" fmla="*/ 1235675 w 2168610"/>
              <a:gd name="connsiteY94" fmla="*/ 432487 h 2032687"/>
              <a:gd name="connsiteX95" fmla="*/ 1210962 w 2168610"/>
              <a:gd name="connsiteY95" fmla="*/ 389238 h 2032687"/>
              <a:gd name="connsiteX96" fmla="*/ 1136821 w 2168610"/>
              <a:gd name="connsiteY96" fmla="*/ 395417 h 2032687"/>
              <a:gd name="connsiteX97" fmla="*/ 1105929 w 2168610"/>
              <a:gd name="connsiteY97" fmla="*/ 364525 h 2032687"/>
              <a:gd name="connsiteX98" fmla="*/ 1087394 w 2168610"/>
              <a:gd name="connsiteY98" fmla="*/ 364525 h 2032687"/>
              <a:gd name="connsiteX99" fmla="*/ 1075037 w 2168610"/>
              <a:gd name="connsiteY99" fmla="*/ 352168 h 2032687"/>
              <a:gd name="connsiteX100" fmla="*/ 1062681 w 2168610"/>
              <a:gd name="connsiteY100" fmla="*/ 345990 h 2032687"/>
              <a:gd name="connsiteX101" fmla="*/ 1056502 w 2168610"/>
              <a:gd name="connsiteY101" fmla="*/ 6179 h 2032687"/>
              <a:gd name="connsiteX102" fmla="*/ 586946 w 2168610"/>
              <a:gd name="connsiteY102" fmla="*/ 0 h 2032687"/>
              <a:gd name="connsiteX0" fmla="*/ 586946 w 2168610"/>
              <a:gd name="connsiteY0" fmla="*/ 0 h 2032687"/>
              <a:gd name="connsiteX1" fmla="*/ 580767 w 2168610"/>
              <a:gd name="connsiteY1" fmla="*/ 864973 h 2032687"/>
              <a:gd name="connsiteX2" fmla="*/ 6178 w 2168610"/>
              <a:gd name="connsiteY2" fmla="*/ 846438 h 2032687"/>
              <a:gd name="connsiteX3" fmla="*/ 0 w 2168610"/>
              <a:gd name="connsiteY3" fmla="*/ 883509 h 2032687"/>
              <a:gd name="connsiteX4" fmla="*/ 49427 w 2168610"/>
              <a:gd name="connsiteY4" fmla="*/ 914400 h 2032687"/>
              <a:gd name="connsiteX5" fmla="*/ 105032 w 2168610"/>
              <a:gd name="connsiteY5" fmla="*/ 982363 h 2032687"/>
              <a:gd name="connsiteX6" fmla="*/ 154459 w 2168610"/>
              <a:gd name="connsiteY6" fmla="*/ 1056503 h 2032687"/>
              <a:gd name="connsiteX7" fmla="*/ 203886 w 2168610"/>
              <a:gd name="connsiteY7" fmla="*/ 1068860 h 2032687"/>
              <a:gd name="connsiteX8" fmla="*/ 240956 w 2168610"/>
              <a:gd name="connsiteY8" fmla="*/ 1118287 h 2032687"/>
              <a:gd name="connsiteX9" fmla="*/ 271848 w 2168610"/>
              <a:gd name="connsiteY9" fmla="*/ 1167714 h 2032687"/>
              <a:gd name="connsiteX10" fmla="*/ 296562 w 2168610"/>
              <a:gd name="connsiteY10" fmla="*/ 1223319 h 2032687"/>
              <a:gd name="connsiteX11" fmla="*/ 308919 w 2168610"/>
              <a:gd name="connsiteY11" fmla="*/ 1297460 h 2032687"/>
              <a:gd name="connsiteX12" fmla="*/ 327454 w 2168610"/>
              <a:gd name="connsiteY12" fmla="*/ 1322173 h 2032687"/>
              <a:gd name="connsiteX13" fmla="*/ 432486 w 2168610"/>
              <a:gd name="connsiteY13" fmla="*/ 1402492 h 2032687"/>
              <a:gd name="connsiteX14" fmla="*/ 438665 w 2168610"/>
              <a:gd name="connsiteY14" fmla="*/ 1377779 h 2032687"/>
              <a:gd name="connsiteX15" fmla="*/ 574589 w 2168610"/>
              <a:gd name="connsiteY15" fmla="*/ 1445741 h 2032687"/>
              <a:gd name="connsiteX16" fmla="*/ 574589 w 2168610"/>
              <a:gd name="connsiteY16" fmla="*/ 1445741 h 2032687"/>
              <a:gd name="connsiteX17" fmla="*/ 605481 w 2168610"/>
              <a:gd name="connsiteY17" fmla="*/ 1390136 h 2032687"/>
              <a:gd name="connsiteX18" fmla="*/ 661086 w 2168610"/>
              <a:gd name="connsiteY18" fmla="*/ 1322173 h 2032687"/>
              <a:gd name="connsiteX19" fmla="*/ 729048 w 2168610"/>
              <a:gd name="connsiteY19" fmla="*/ 1303638 h 2032687"/>
              <a:gd name="connsiteX20" fmla="*/ 821724 w 2168610"/>
              <a:gd name="connsiteY20" fmla="*/ 1315995 h 2032687"/>
              <a:gd name="connsiteX21" fmla="*/ 902043 w 2168610"/>
              <a:gd name="connsiteY21" fmla="*/ 1377779 h 2032687"/>
              <a:gd name="connsiteX22" fmla="*/ 957648 w 2168610"/>
              <a:gd name="connsiteY22" fmla="*/ 1458098 h 2032687"/>
              <a:gd name="connsiteX23" fmla="*/ 1013254 w 2168610"/>
              <a:gd name="connsiteY23" fmla="*/ 1538417 h 2032687"/>
              <a:gd name="connsiteX24" fmla="*/ 1062681 w 2168610"/>
              <a:gd name="connsiteY24" fmla="*/ 1624914 h 2032687"/>
              <a:gd name="connsiteX25" fmla="*/ 1118286 w 2168610"/>
              <a:gd name="connsiteY25" fmla="*/ 1692876 h 2032687"/>
              <a:gd name="connsiteX26" fmla="*/ 1167713 w 2168610"/>
              <a:gd name="connsiteY26" fmla="*/ 1729946 h 2032687"/>
              <a:gd name="connsiteX27" fmla="*/ 1198605 w 2168610"/>
              <a:gd name="connsiteY27" fmla="*/ 1810265 h 2032687"/>
              <a:gd name="connsiteX28" fmla="*/ 1223319 w 2168610"/>
              <a:gd name="connsiteY28" fmla="*/ 1872049 h 2032687"/>
              <a:gd name="connsiteX29" fmla="*/ 1248032 w 2168610"/>
              <a:gd name="connsiteY29" fmla="*/ 1933833 h 2032687"/>
              <a:gd name="connsiteX30" fmla="*/ 1278924 w 2168610"/>
              <a:gd name="connsiteY30" fmla="*/ 1977082 h 2032687"/>
              <a:gd name="connsiteX31" fmla="*/ 1340708 w 2168610"/>
              <a:gd name="connsiteY31" fmla="*/ 2001795 h 2032687"/>
              <a:gd name="connsiteX32" fmla="*/ 1439562 w 2168610"/>
              <a:gd name="connsiteY32" fmla="*/ 2020330 h 2032687"/>
              <a:gd name="connsiteX33" fmla="*/ 1513702 w 2168610"/>
              <a:gd name="connsiteY33" fmla="*/ 2032687 h 2032687"/>
              <a:gd name="connsiteX34" fmla="*/ 1606378 w 2168610"/>
              <a:gd name="connsiteY34" fmla="*/ 2032687 h 2032687"/>
              <a:gd name="connsiteX35" fmla="*/ 1587843 w 2168610"/>
              <a:gd name="connsiteY35" fmla="*/ 2020330 h 2032687"/>
              <a:gd name="connsiteX36" fmla="*/ 1587843 w 2168610"/>
              <a:gd name="connsiteY36" fmla="*/ 2020330 h 2032687"/>
              <a:gd name="connsiteX37" fmla="*/ 1575486 w 2168610"/>
              <a:gd name="connsiteY37" fmla="*/ 1952368 h 2032687"/>
              <a:gd name="connsiteX38" fmla="*/ 1550773 w 2168610"/>
              <a:gd name="connsiteY38" fmla="*/ 1921476 h 2032687"/>
              <a:gd name="connsiteX39" fmla="*/ 1544594 w 2168610"/>
              <a:gd name="connsiteY39" fmla="*/ 1884406 h 2032687"/>
              <a:gd name="connsiteX40" fmla="*/ 1526059 w 2168610"/>
              <a:gd name="connsiteY40" fmla="*/ 1841157 h 2032687"/>
              <a:gd name="connsiteX41" fmla="*/ 1538416 w 2168610"/>
              <a:gd name="connsiteY41" fmla="*/ 1810265 h 2032687"/>
              <a:gd name="connsiteX42" fmla="*/ 1532237 w 2168610"/>
              <a:gd name="connsiteY42" fmla="*/ 1791730 h 2032687"/>
              <a:gd name="connsiteX43" fmla="*/ 1488989 w 2168610"/>
              <a:gd name="connsiteY43" fmla="*/ 1767017 h 2032687"/>
              <a:gd name="connsiteX44" fmla="*/ 1538416 w 2168610"/>
              <a:gd name="connsiteY44" fmla="*/ 1736125 h 2032687"/>
              <a:gd name="connsiteX45" fmla="*/ 1544594 w 2168610"/>
              <a:gd name="connsiteY45" fmla="*/ 1723768 h 2032687"/>
              <a:gd name="connsiteX46" fmla="*/ 1550773 w 2168610"/>
              <a:gd name="connsiteY46" fmla="*/ 1692876 h 2032687"/>
              <a:gd name="connsiteX47" fmla="*/ 1526059 w 2168610"/>
              <a:gd name="connsiteY47" fmla="*/ 1661984 h 2032687"/>
              <a:gd name="connsiteX48" fmla="*/ 1550773 w 2168610"/>
              <a:gd name="connsiteY48" fmla="*/ 1661984 h 2032687"/>
              <a:gd name="connsiteX49" fmla="*/ 1575486 w 2168610"/>
              <a:gd name="connsiteY49" fmla="*/ 1643449 h 2032687"/>
              <a:gd name="connsiteX50" fmla="*/ 1550773 w 2168610"/>
              <a:gd name="connsiteY50" fmla="*/ 1587844 h 2032687"/>
              <a:gd name="connsiteX51" fmla="*/ 1550773 w 2168610"/>
              <a:gd name="connsiteY51" fmla="*/ 1587844 h 2032687"/>
              <a:gd name="connsiteX52" fmla="*/ 1618735 w 2168610"/>
              <a:gd name="connsiteY52" fmla="*/ 1587844 h 2032687"/>
              <a:gd name="connsiteX53" fmla="*/ 1631092 w 2168610"/>
              <a:gd name="connsiteY53" fmla="*/ 1575487 h 2032687"/>
              <a:gd name="connsiteX54" fmla="*/ 1649627 w 2168610"/>
              <a:gd name="connsiteY54" fmla="*/ 1526060 h 2032687"/>
              <a:gd name="connsiteX55" fmla="*/ 1686697 w 2168610"/>
              <a:gd name="connsiteY55" fmla="*/ 1526060 h 2032687"/>
              <a:gd name="connsiteX56" fmla="*/ 1705232 w 2168610"/>
              <a:gd name="connsiteY56" fmla="*/ 1526060 h 2032687"/>
              <a:gd name="connsiteX57" fmla="*/ 1705232 w 2168610"/>
              <a:gd name="connsiteY57" fmla="*/ 1495168 h 2032687"/>
              <a:gd name="connsiteX58" fmla="*/ 1699054 w 2168610"/>
              <a:gd name="connsiteY58" fmla="*/ 1476633 h 2032687"/>
              <a:gd name="connsiteX59" fmla="*/ 1699054 w 2168610"/>
              <a:gd name="connsiteY59" fmla="*/ 1476633 h 2032687"/>
              <a:gd name="connsiteX60" fmla="*/ 1773194 w 2168610"/>
              <a:gd name="connsiteY60" fmla="*/ 1482811 h 2032687"/>
              <a:gd name="connsiteX61" fmla="*/ 1834978 w 2168610"/>
              <a:gd name="connsiteY61" fmla="*/ 1470455 h 2032687"/>
              <a:gd name="connsiteX62" fmla="*/ 1896762 w 2168610"/>
              <a:gd name="connsiteY62" fmla="*/ 1414849 h 2032687"/>
              <a:gd name="connsiteX63" fmla="*/ 1896762 w 2168610"/>
              <a:gd name="connsiteY63" fmla="*/ 1371600 h 2032687"/>
              <a:gd name="connsiteX64" fmla="*/ 1946189 w 2168610"/>
              <a:gd name="connsiteY64" fmla="*/ 1340709 h 2032687"/>
              <a:gd name="connsiteX65" fmla="*/ 1940010 w 2168610"/>
              <a:gd name="connsiteY65" fmla="*/ 1278925 h 2032687"/>
              <a:gd name="connsiteX66" fmla="*/ 1983259 w 2168610"/>
              <a:gd name="connsiteY66" fmla="*/ 1260390 h 2032687"/>
              <a:gd name="connsiteX67" fmla="*/ 2007973 w 2168610"/>
              <a:gd name="connsiteY67" fmla="*/ 1322173 h 2032687"/>
              <a:gd name="connsiteX68" fmla="*/ 2143897 w 2168610"/>
              <a:gd name="connsiteY68" fmla="*/ 1248033 h 2032687"/>
              <a:gd name="connsiteX69" fmla="*/ 2156254 w 2168610"/>
              <a:gd name="connsiteY69" fmla="*/ 1161536 h 2032687"/>
              <a:gd name="connsiteX70" fmla="*/ 2143897 w 2168610"/>
              <a:gd name="connsiteY70" fmla="*/ 1124465 h 2032687"/>
              <a:gd name="connsiteX71" fmla="*/ 2137719 w 2168610"/>
              <a:gd name="connsiteY71" fmla="*/ 1087395 h 2032687"/>
              <a:gd name="connsiteX72" fmla="*/ 2150075 w 2168610"/>
              <a:gd name="connsiteY72" fmla="*/ 1044146 h 2032687"/>
              <a:gd name="connsiteX73" fmla="*/ 2168610 w 2168610"/>
              <a:gd name="connsiteY73" fmla="*/ 1007076 h 2032687"/>
              <a:gd name="connsiteX74" fmla="*/ 2131540 w 2168610"/>
              <a:gd name="connsiteY74" fmla="*/ 895865 h 2032687"/>
              <a:gd name="connsiteX75" fmla="*/ 2100648 w 2168610"/>
              <a:gd name="connsiteY75" fmla="*/ 864973 h 2032687"/>
              <a:gd name="connsiteX76" fmla="*/ 2075935 w 2168610"/>
              <a:gd name="connsiteY76" fmla="*/ 784655 h 2032687"/>
              <a:gd name="connsiteX77" fmla="*/ 2063578 w 2168610"/>
              <a:gd name="connsiteY77" fmla="*/ 611660 h 2032687"/>
              <a:gd name="connsiteX78" fmla="*/ 2051221 w 2168610"/>
              <a:gd name="connsiteY78" fmla="*/ 512806 h 2032687"/>
              <a:gd name="connsiteX79" fmla="*/ 2032686 w 2168610"/>
              <a:gd name="connsiteY79" fmla="*/ 494271 h 2032687"/>
              <a:gd name="connsiteX80" fmla="*/ 1983259 w 2168610"/>
              <a:gd name="connsiteY80" fmla="*/ 518984 h 2032687"/>
              <a:gd name="connsiteX81" fmla="*/ 1872048 w 2168610"/>
              <a:gd name="connsiteY81" fmla="*/ 463379 h 2032687"/>
              <a:gd name="connsiteX82" fmla="*/ 1834978 w 2168610"/>
              <a:gd name="connsiteY82" fmla="*/ 463379 h 2032687"/>
              <a:gd name="connsiteX83" fmla="*/ 1767016 w 2168610"/>
              <a:gd name="connsiteY83" fmla="*/ 457200 h 2032687"/>
              <a:gd name="connsiteX84" fmla="*/ 1692875 w 2168610"/>
              <a:gd name="connsiteY84" fmla="*/ 512806 h 2032687"/>
              <a:gd name="connsiteX85" fmla="*/ 1631092 w 2168610"/>
              <a:gd name="connsiteY85" fmla="*/ 481914 h 2032687"/>
              <a:gd name="connsiteX86" fmla="*/ 1594021 w 2168610"/>
              <a:gd name="connsiteY86" fmla="*/ 494271 h 2032687"/>
              <a:gd name="connsiteX87" fmla="*/ 1594021 w 2168610"/>
              <a:gd name="connsiteY87" fmla="*/ 494271 h 2032687"/>
              <a:gd name="connsiteX88" fmla="*/ 1519881 w 2168610"/>
              <a:gd name="connsiteY88" fmla="*/ 488092 h 2032687"/>
              <a:gd name="connsiteX89" fmla="*/ 1488989 w 2168610"/>
              <a:gd name="connsiteY89" fmla="*/ 463379 h 2032687"/>
              <a:gd name="connsiteX90" fmla="*/ 1439562 w 2168610"/>
              <a:gd name="connsiteY90" fmla="*/ 481914 h 2032687"/>
              <a:gd name="connsiteX91" fmla="*/ 1353065 w 2168610"/>
              <a:gd name="connsiteY91" fmla="*/ 438665 h 2032687"/>
              <a:gd name="connsiteX92" fmla="*/ 1291281 w 2168610"/>
              <a:gd name="connsiteY92" fmla="*/ 444844 h 2032687"/>
              <a:gd name="connsiteX93" fmla="*/ 1260389 w 2168610"/>
              <a:gd name="connsiteY93" fmla="*/ 432487 h 2032687"/>
              <a:gd name="connsiteX94" fmla="*/ 1235675 w 2168610"/>
              <a:gd name="connsiteY94" fmla="*/ 432487 h 2032687"/>
              <a:gd name="connsiteX95" fmla="*/ 1210962 w 2168610"/>
              <a:gd name="connsiteY95" fmla="*/ 389238 h 2032687"/>
              <a:gd name="connsiteX96" fmla="*/ 1136821 w 2168610"/>
              <a:gd name="connsiteY96" fmla="*/ 395417 h 2032687"/>
              <a:gd name="connsiteX97" fmla="*/ 1105929 w 2168610"/>
              <a:gd name="connsiteY97" fmla="*/ 364525 h 2032687"/>
              <a:gd name="connsiteX98" fmla="*/ 1087394 w 2168610"/>
              <a:gd name="connsiteY98" fmla="*/ 364525 h 2032687"/>
              <a:gd name="connsiteX99" fmla="*/ 1075037 w 2168610"/>
              <a:gd name="connsiteY99" fmla="*/ 352168 h 2032687"/>
              <a:gd name="connsiteX100" fmla="*/ 1062681 w 2168610"/>
              <a:gd name="connsiteY100" fmla="*/ 345990 h 2032687"/>
              <a:gd name="connsiteX101" fmla="*/ 1068450 w 2168610"/>
              <a:gd name="connsiteY101" fmla="*/ 3796 h 2032687"/>
              <a:gd name="connsiteX102" fmla="*/ 586946 w 2168610"/>
              <a:gd name="connsiteY102" fmla="*/ 0 h 2032687"/>
              <a:gd name="connsiteX0" fmla="*/ 598875 w 2168610"/>
              <a:gd name="connsiteY0" fmla="*/ 0 h 2032687"/>
              <a:gd name="connsiteX1" fmla="*/ 580767 w 2168610"/>
              <a:gd name="connsiteY1" fmla="*/ 864973 h 2032687"/>
              <a:gd name="connsiteX2" fmla="*/ 6178 w 2168610"/>
              <a:gd name="connsiteY2" fmla="*/ 846438 h 2032687"/>
              <a:gd name="connsiteX3" fmla="*/ 0 w 2168610"/>
              <a:gd name="connsiteY3" fmla="*/ 883509 h 2032687"/>
              <a:gd name="connsiteX4" fmla="*/ 49427 w 2168610"/>
              <a:gd name="connsiteY4" fmla="*/ 914400 h 2032687"/>
              <a:gd name="connsiteX5" fmla="*/ 105032 w 2168610"/>
              <a:gd name="connsiteY5" fmla="*/ 982363 h 2032687"/>
              <a:gd name="connsiteX6" fmla="*/ 154459 w 2168610"/>
              <a:gd name="connsiteY6" fmla="*/ 1056503 h 2032687"/>
              <a:gd name="connsiteX7" fmla="*/ 203886 w 2168610"/>
              <a:gd name="connsiteY7" fmla="*/ 1068860 h 2032687"/>
              <a:gd name="connsiteX8" fmla="*/ 240956 w 2168610"/>
              <a:gd name="connsiteY8" fmla="*/ 1118287 h 2032687"/>
              <a:gd name="connsiteX9" fmla="*/ 271848 w 2168610"/>
              <a:gd name="connsiteY9" fmla="*/ 1167714 h 2032687"/>
              <a:gd name="connsiteX10" fmla="*/ 296562 w 2168610"/>
              <a:gd name="connsiteY10" fmla="*/ 1223319 h 2032687"/>
              <a:gd name="connsiteX11" fmla="*/ 308919 w 2168610"/>
              <a:gd name="connsiteY11" fmla="*/ 1297460 h 2032687"/>
              <a:gd name="connsiteX12" fmla="*/ 327454 w 2168610"/>
              <a:gd name="connsiteY12" fmla="*/ 1322173 h 2032687"/>
              <a:gd name="connsiteX13" fmla="*/ 432486 w 2168610"/>
              <a:gd name="connsiteY13" fmla="*/ 1402492 h 2032687"/>
              <a:gd name="connsiteX14" fmla="*/ 438665 w 2168610"/>
              <a:gd name="connsiteY14" fmla="*/ 1377779 h 2032687"/>
              <a:gd name="connsiteX15" fmla="*/ 574589 w 2168610"/>
              <a:gd name="connsiteY15" fmla="*/ 1445741 h 2032687"/>
              <a:gd name="connsiteX16" fmla="*/ 574589 w 2168610"/>
              <a:gd name="connsiteY16" fmla="*/ 1445741 h 2032687"/>
              <a:gd name="connsiteX17" fmla="*/ 605481 w 2168610"/>
              <a:gd name="connsiteY17" fmla="*/ 1390136 h 2032687"/>
              <a:gd name="connsiteX18" fmla="*/ 661086 w 2168610"/>
              <a:gd name="connsiteY18" fmla="*/ 1322173 h 2032687"/>
              <a:gd name="connsiteX19" fmla="*/ 729048 w 2168610"/>
              <a:gd name="connsiteY19" fmla="*/ 1303638 h 2032687"/>
              <a:gd name="connsiteX20" fmla="*/ 821724 w 2168610"/>
              <a:gd name="connsiteY20" fmla="*/ 1315995 h 2032687"/>
              <a:gd name="connsiteX21" fmla="*/ 902043 w 2168610"/>
              <a:gd name="connsiteY21" fmla="*/ 1377779 h 2032687"/>
              <a:gd name="connsiteX22" fmla="*/ 957648 w 2168610"/>
              <a:gd name="connsiteY22" fmla="*/ 1458098 h 2032687"/>
              <a:gd name="connsiteX23" fmla="*/ 1013254 w 2168610"/>
              <a:gd name="connsiteY23" fmla="*/ 1538417 h 2032687"/>
              <a:gd name="connsiteX24" fmla="*/ 1062681 w 2168610"/>
              <a:gd name="connsiteY24" fmla="*/ 1624914 h 2032687"/>
              <a:gd name="connsiteX25" fmla="*/ 1118286 w 2168610"/>
              <a:gd name="connsiteY25" fmla="*/ 1692876 h 2032687"/>
              <a:gd name="connsiteX26" fmla="*/ 1167713 w 2168610"/>
              <a:gd name="connsiteY26" fmla="*/ 1729946 h 2032687"/>
              <a:gd name="connsiteX27" fmla="*/ 1198605 w 2168610"/>
              <a:gd name="connsiteY27" fmla="*/ 1810265 h 2032687"/>
              <a:gd name="connsiteX28" fmla="*/ 1223319 w 2168610"/>
              <a:gd name="connsiteY28" fmla="*/ 1872049 h 2032687"/>
              <a:gd name="connsiteX29" fmla="*/ 1248032 w 2168610"/>
              <a:gd name="connsiteY29" fmla="*/ 1933833 h 2032687"/>
              <a:gd name="connsiteX30" fmla="*/ 1278924 w 2168610"/>
              <a:gd name="connsiteY30" fmla="*/ 1977082 h 2032687"/>
              <a:gd name="connsiteX31" fmla="*/ 1340708 w 2168610"/>
              <a:gd name="connsiteY31" fmla="*/ 2001795 h 2032687"/>
              <a:gd name="connsiteX32" fmla="*/ 1439562 w 2168610"/>
              <a:gd name="connsiteY32" fmla="*/ 2020330 h 2032687"/>
              <a:gd name="connsiteX33" fmla="*/ 1513702 w 2168610"/>
              <a:gd name="connsiteY33" fmla="*/ 2032687 h 2032687"/>
              <a:gd name="connsiteX34" fmla="*/ 1606378 w 2168610"/>
              <a:gd name="connsiteY34" fmla="*/ 2032687 h 2032687"/>
              <a:gd name="connsiteX35" fmla="*/ 1587843 w 2168610"/>
              <a:gd name="connsiteY35" fmla="*/ 2020330 h 2032687"/>
              <a:gd name="connsiteX36" fmla="*/ 1587843 w 2168610"/>
              <a:gd name="connsiteY36" fmla="*/ 2020330 h 2032687"/>
              <a:gd name="connsiteX37" fmla="*/ 1575486 w 2168610"/>
              <a:gd name="connsiteY37" fmla="*/ 1952368 h 2032687"/>
              <a:gd name="connsiteX38" fmla="*/ 1550773 w 2168610"/>
              <a:gd name="connsiteY38" fmla="*/ 1921476 h 2032687"/>
              <a:gd name="connsiteX39" fmla="*/ 1544594 w 2168610"/>
              <a:gd name="connsiteY39" fmla="*/ 1884406 h 2032687"/>
              <a:gd name="connsiteX40" fmla="*/ 1526059 w 2168610"/>
              <a:gd name="connsiteY40" fmla="*/ 1841157 h 2032687"/>
              <a:gd name="connsiteX41" fmla="*/ 1538416 w 2168610"/>
              <a:gd name="connsiteY41" fmla="*/ 1810265 h 2032687"/>
              <a:gd name="connsiteX42" fmla="*/ 1532237 w 2168610"/>
              <a:gd name="connsiteY42" fmla="*/ 1791730 h 2032687"/>
              <a:gd name="connsiteX43" fmla="*/ 1488989 w 2168610"/>
              <a:gd name="connsiteY43" fmla="*/ 1767017 h 2032687"/>
              <a:gd name="connsiteX44" fmla="*/ 1538416 w 2168610"/>
              <a:gd name="connsiteY44" fmla="*/ 1736125 h 2032687"/>
              <a:gd name="connsiteX45" fmla="*/ 1544594 w 2168610"/>
              <a:gd name="connsiteY45" fmla="*/ 1723768 h 2032687"/>
              <a:gd name="connsiteX46" fmla="*/ 1550773 w 2168610"/>
              <a:gd name="connsiteY46" fmla="*/ 1692876 h 2032687"/>
              <a:gd name="connsiteX47" fmla="*/ 1526059 w 2168610"/>
              <a:gd name="connsiteY47" fmla="*/ 1661984 h 2032687"/>
              <a:gd name="connsiteX48" fmla="*/ 1550773 w 2168610"/>
              <a:gd name="connsiteY48" fmla="*/ 1661984 h 2032687"/>
              <a:gd name="connsiteX49" fmla="*/ 1575486 w 2168610"/>
              <a:gd name="connsiteY49" fmla="*/ 1643449 h 2032687"/>
              <a:gd name="connsiteX50" fmla="*/ 1550773 w 2168610"/>
              <a:gd name="connsiteY50" fmla="*/ 1587844 h 2032687"/>
              <a:gd name="connsiteX51" fmla="*/ 1550773 w 2168610"/>
              <a:gd name="connsiteY51" fmla="*/ 1587844 h 2032687"/>
              <a:gd name="connsiteX52" fmla="*/ 1618735 w 2168610"/>
              <a:gd name="connsiteY52" fmla="*/ 1587844 h 2032687"/>
              <a:gd name="connsiteX53" fmla="*/ 1631092 w 2168610"/>
              <a:gd name="connsiteY53" fmla="*/ 1575487 h 2032687"/>
              <a:gd name="connsiteX54" fmla="*/ 1649627 w 2168610"/>
              <a:gd name="connsiteY54" fmla="*/ 1526060 h 2032687"/>
              <a:gd name="connsiteX55" fmla="*/ 1686697 w 2168610"/>
              <a:gd name="connsiteY55" fmla="*/ 1526060 h 2032687"/>
              <a:gd name="connsiteX56" fmla="*/ 1705232 w 2168610"/>
              <a:gd name="connsiteY56" fmla="*/ 1526060 h 2032687"/>
              <a:gd name="connsiteX57" fmla="*/ 1705232 w 2168610"/>
              <a:gd name="connsiteY57" fmla="*/ 1495168 h 2032687"/>
              <a:gd name="connsiteX58" fmla="*/ 1699054 w 2168610"/>
              <a:gd name="connsiteY58" fmla="*/ 1476633 h 2032687"/>
              <a:gd name="connsiteX59" fmla="*/ 1699054 w 2168610"/>
              <a:gd name="connsiteY59" fmla="*/ 1476633 h 2032687"/>
              <a:gd name="connsiteX60" fmla="*/ 1773194 w 2168610"/>
              <a:gd name="connsiteY60" fmla="*/ 1482811 h 2032687"/>
              <a:gd name="connsiteX61" fmla="*/ 1834978 w 2168610"/>
              <a:gd name="connsiteY61" fmla="*/ 1470455 h 2032687"/>
              <a:gd name="connsiteX62" fmla="*/ 1896762 w 2168610"/>
              <a:gd name="connsiteY62" fmla="*/ 1414849 h 2032687"/>
              <a:gd name="connsiteX63" fmla="*/ 1896762 w 2168610"/>
              <a:gd name="connsiteY63" fmla="*/ 1371600 h 2032687"/>
              <a:gd name="connsiteX64" fmla="*/ 1946189 w 2168610"/>
              <a:gd name="connsiteY64" fmla="*/ 1340709 h 2032687"/>
              <a:gd name="connsiteX65" fmla="*/ 1940010 w 2168610"/>
              <a:gd name="connsiteY65" fmla="*/ 1278925 h 2032687"/>
              <a:gd name="connsiteX66" fmla="*/ 1983259 w 2168610"/>
              <a:gd name="connsiteY66" fmla="*/ 1260390 h 2032687"/>
              <a:gd name="connsiteX67" fmla="*/ 2007973 w 2168610"/>
              <a:gd name="connsiteY67" fmla="*/ 1322173 h 2032687"/>
              <a:gd name="connsiteX68" fmla="*/ 2143897 w 2168610"/>
              <a:gd name="connsiteY68" fmla="*/ 1248033 h 2032687"/>
              <a:gd name="connsiteX69" fmla="*/ 2156254 w 2168610"/>
              <a:gd name="connsiteY69" fmla="*/ 1161536 h 2032687"/>
              <a:gd name="connsiteX70" fmla="*/ 2143897 w 2168610"/>
              <a:gd name="connsiteY70" fmla="*/ 1124465 h 2032687"/>
              <a:gd name="connsiteX71" fmla="*/ 2137719 w 2168610"/>
              <a:gd name="connsiteY71" fmla="*/ 1087395 h 2032687"/>
              <a:gd name="connsiteX72" fmla="*/ 2150075 w 2168610"/>
              <a:gd name="connsiteY72" fmla="*/ 1044146 h 2032687"/>
              <a:gd name="connsiteX73" fmla="*/ 2168610 w 2168610"/>
              <a:gd name="connsiteY73" fmla="*/ 1007076 h 2032687"/>
              <a:gd name="connsiteX74" fmla="*/ 2131540 w 2168610"/>
              <a:gd name="connsiteY74" fmla="*/ 895865 h 2032687"/>
              <a:gd name="connsiteX75" fmla="*/ 2100648 w 2168610"/>
              <a:gd name="connsiteY75" fmla="*/ 864973 h 2032687"/>
              <a:gd name="connsiteX76" fmla="*/ 2075935 w 2168610"/>
              <a:gd name="connsiteY76" fmla="*/ 784655 h 2032687"/>
              <a:gd name="connsiteX77" fmla="*/ 2063578 w 2168610"/>
              <a:gd name="connsiteY77" fmla="*/ 611660 h 2032687"/>
              <a:gd name="connsiteX78" fmla="*/ 2051221 w 2168610"/>
              <a:gd name="connsiteY78" fmla="*/ 512806 h 2032687"/>
              <a:gd name="connsiteX79" fmla="*/ 2032686 w 2168610"/>
              <a:gd name="connsiteY79" fmla="*/ 494271 h 2032687"/>
              <a:gd name="connsiteX80" fmla="*/ 1983259 w 2168610"/>
              <a:gd name="connsiteY80" fmla="*/ 518984 h 2032687"/>
              <a:gd name="connsiteX81" fmla="*/ 1872048 w 2168610"/>
              <a:gd name="connsiteY81" fmla="*/ 463379 h 2032687"/>
              <a:gd name="connsiteX82" fmla="*/ 1834978 w 2168610"/>
              <a:gd name="connsiteY82" fmla="*/ 463379 h 2032687"/>
              <a:gd name="connsiteX83" fmla="*/ 1767016 w 2168610"/>
              <a:gd name="connsiteY83" fmla="*/ 457200 h 2032687"/>
              <a:gd name="connsiteX84" fmla="*/ 1692875 w 2168610"/>
              <a:gd name="connsiteY84" fmla="*/ 512806 h 2032687"/>
              <a:gd name="connsiteX85" fmla="*/ 1631092 w 2168610"/>
              <a:gd name="connsiteY85" fmla="*/ 481914 h 2032687"/>
              <a:gd name="connsiteX86" fmla="*/ 1594021 w 2168610"/>
              <a:gd name="connsiteY86" fmla="*/ 494271 h 2032687"/>
              <a:gd name="connsiteX87" fmla="*/ 1594021 w 2168610"/>
              <a:gd name="connsiteY87" fmla="*/ 494271 h 2032687"/>
              <a:gd name="connsiteX88" fmla="*/ 1519881 w 2168610"/>
              <a:gd name="connsiteY88" fmla="*/ 488092 h 2032687"/>
              <a:gd name="connsiteX89" fmla="*/ 1488989 w 2168610"/>
              <a:gd name="connsiteY89" fmla="*/ 463379 h 2032687"/>
              <a:gd name="connsiteX90" fmla="*/ 1439562 w 2168610"/>
              <a:gd name="connsiteY90" fmla="*/ 481914 h 2032687"/>
              <a:gd name="connsiteX91" fmla="*/ 1353065 w 2168610"/>
              <a:gd name="connsiteY91" fmla="*/ 438665 h 2032687"/>
              <a:gd name="connsiteX92" fmla="*/ 1291281 w 2168610"/>
              <a:gd name="connsiteY92" fmla="*/ 444844 h 2032687"/>
              <a:gd name="connsiteX93" fmla="*/ 1260389 w 2168610"/>
              <a:gd name="connsiteY93" fmla="*/ 432487 h 2032687"/>
              <a:gd name="connsiteX94" fmla="*/ 1235675 w 2168610"/>
              <a:gd name="connsiteY94" fmla="*/ 432487 h 2032687"/>
              <a:gd name="connsiteX95" fmla="*/ 1210962 w 2168610"/>
              <a:gd name="connsiteY95" fmla="*/ 389238 h 2032687"/>
              <a:gd name="connsiteX96" fmla="*/ 1136821 w 2168610"/>
              <a:gd name="connsiteY96" fmla="*/ 395417 h 2032687"/>
              <a:gd name="connsiteX97" fmla="*/ 1105929 w 2168610"/>
              <a:gd name="connsiteY97" fmla="*/ 364525 h 2032687"/>
              <a:gd name="connsiteX98" fmla="*/ 1087394 w 2168610"/>
              <a:gd name="connsiteY98" fmla="*/ 364525 h 2032687"/>
              <a:gd name="connsiteX99" fmla="*/ 1075037 w 2168610"/>
              <a:gd name="connsiteY99" fmla="*/ 352168 h 2032687"/>
              <a:gd name="connsiteX100" fmla="*/ 1062681 w 2168610"/>
              <a:gd name="connsiteY100" fmla="*/ 345990 h 2032687"/>
              <a:gd name="connsiteX101" fmla="*/ 1068450 w 2168610"/>
              <a:gd name="connsiteY101" fmla="*/ 3796 h 2032687"/>
              <a:gd name="connsiteX102" fmla="*/ 598875 w 2168610"/>
              <a:gd name="connsiteY102" fmla="*/ 0 h 2032687"/>
              <a:gd name="connsiteX0" fmla="*/ 598898 w 2168610"/>
              <a:gd name="connsiteY0" fmla="*/ 0 h 2039827"/>
              <a:gd name="connsiteX1" fmla="*/ 580767 w 2168610"/>
              <a:gd name="connsiteY1" fmla="*/ 872113 h 2039827"/>
              <a:gd name="connsiteX2" fmla="*/ 6178 w 2168610"/>
              <a:gd name="connsiteY2" fmla="*/ 853578 h 2039827"/>
              <a:gd name="connsiteX3" fmla="*/ 0 w 2168610"/>
              <a:gd name="connsiteY3" fmla="*/ 890649 h 2039827"/>
              <a:gd name="connsiteX4" fmla="*/ 49427 w 2168610"/>
              <a:gd name="connsiteY4" fmla="*/ 921540 h 2039827"/>
              <a:gd name="connsiteX5" fmla="*/ 105032 w 2168610"/>
              <a:gd name="connsiteY5" fmla="*/ 989503 h 2039827"/>
              <a:gd name="connsiteX6" fmla="*/ 154459 w 2168610"/>
              <a:gd name="connsiteY6" fmla="*/ 1063643 h 2039827"/>
              <a:gd name="connsiteX7" fmla="*/ 203886 w 2168610"/>
              <a:gd name="connsiteY7" fmla="*/ 1076000 h 2039827"/>
              <a:gd name="connsiteX8" fmla="*/ 240956 w 2168610"/>
              <a:gd name="connsiteY8" fmla="*/ 1125427 h 2039827"/>
              <a:gd name="connsiteX9" fmla="*/ 271848 w 2168610"/>
              <a:gd name="connsiteY9" fmla="*/ 1174854 h 2039827"/>
              <a:gd name="connsiteX10" fmla="*/ 296562 w 2168610"/>
              <a:gd name="connsiteY10" fmla="*/ 1230459 h 2039827"/>
              <a:gd name="connsiteX11" fmla="*/ 308919 w 2168610"/>
              <a:gd name="connsiteY11" fmla="*/ 1304600 h 2039827"/>
              <a:gd name="connsiteX12" fmla="*/ 327454 w 2168610"/>
              <a:gd name="connsiteY12" fmla="*/ 1329313 h 2039827"/>
              <a:gd name="connsiteX13" fmla="*/ 432486 w 2168610"/>
              <a:gd name="connsiteY13" fmla="*/ 1409632 h 2039827"/>
              <a:gd name="connsiteX14" fmla="*/ 438665 w 2168610"/>
              <a:gd name="connsiteY14" fmla="*/ 1384919 h 2039827"/>
              <a:gd name="connsiteX15" fmla="*/ 574589 w 2168610"/>
              <a:gd name="connsiteY15" fmla="*/ 1452881 h 2039827"/>
              <a:gd name="connsiteX16" fmla="*/ 574589 w 2168610"/>
              <a:gd name="connsiteY16" fmla="*/ 1452881 h 2039827"/>
              <a:gd name="connsiteX17" fmla="*/ 605481 w 2168610"/>
              <a:gd name="connsiteY17" fmla="*/ 1397276 h 2039827"/>
              <a:gd name="connsiteX18" fmla="*/ 661086 w 2168610"/>
              <a:gd name="connsiteY18" fmla="*/ 1329313 h 2039827"/>
              <a:gd name="connsiteX19" fmla="*/ 729048 w 2168610"/>
              <a:gd name="connsiteY19" fmla="*/ 1310778 h 2039827"/>
              <a:gd name="connsiteX20" fmla="*/ 821724 w 2168610"/>
              <a:gd name="connsiteY20" fmla="*/ 1323135 h 2039827"/>
              <a:gd name="connsiteX21" fmla="*/ 902043 w 2168610"/>
              <a:gd name="connsiteY21" fmla="*/ 1384919 h 2039827"/>
              <a:gd name="connsiteX22" fmla="*/ 957648 w 2168610"/>
              <a:gd name="connsiteY22" fmla="*/ 1465238 h 2039827"/>
              <a:gd name="connsiteX23" fmla="*/ 1013254 w 2168610"/>
              <a:gd name="connsiteY23" fmla="*/ 1545557 h 2039827"/>
              <a:gd name="connsiteX24" fmla="*/ 1062681 w 2168610"/>
              <a:gd name="connsiteY24" fmla="*/ 1632054 h 2039827"/>
              <a:gd name="connsiteX25" fmla="*/ 1118286 w 2168610"/>
              <a:gd name="connsiteY25" fmla="*/ 1700016 h 2039827"/>
              <a:gd name="connsiteX26" fmla="*/ 1167713 w 2168610"/>
              <a:gd name="connsiteY26" fmla="*/ 1737086 h 2039827"/>
              <a:gd name="connsiteX27" fmla="*/ 1198605 w 2168610"/>
              <a:gd name="connsiteY27" fmla="*/ 1817405 h 2039827"/>
              <a:gd name="connsiteX28" fmla="*/ 1223319 w 2168610"/>
              <a:gd name="connsiteY28" fmla="*/ 1879189 h 2039827"/>
              <a:gd name="connsiteX29" fmla="*/ 1248032 w 2168610"/>
              <a:gd name="connsiteY29" fmla="*/ 1940973 h 2039827"/>
              <a:gd name="connsiteX30" fmla="*/ 1278924 w 2168610"/>
              <a:gd name="connsiteY30" fmla="*/ 1984222 h 2039827"/>
              <a:gd name="connsiteX31" fmla="*/ 1340708 w 2168610"/>
              <a:gd name="connsiteY31" fmla="*/ 2008935 h 2039827"/>
              <a:gd name="connsiteX32" fmla="*/ 1439562 w 2168610"/>
              <a:gd name="connsiteY32" fmla="*/ 2027470 h 2039827"/>
              <a:gd name="connsiteX33" fmla="*/ 1513702 w 2168610"/>
              <a:gd name="connsiteY33" fmla="*/ 2039827 h 2039827"/>
              <a:gd name="connsiteX34" fmla="*/ 1606378 w 2168610"/>
              <a:gd name="connsiteY34" fmla="*/ 2039827 h 2039827"/>
              <a:gd name="connsiteX35" fmla="*/ 1587843 w 2168610"/>
              <a:gd name="connsiteY35" fmla="*/ 2027470 h 2039827"/>
              <a:gd name="connsiteX36" fmla="*/ 1587843 w 2168610"/>
              <a:gd name="connsiteY36" fmla="*/ 2027470 h 2039827"/>
              <a:gd name="connsiteX37" fmla="*/ 1575486 w 2168610"/>
              <a:gd name="connsiteY37" fmla="*/ 1959508 h 2039827"/>
              <a:gd name="connsiteX38" fmla="*/ 1550773 w 2168610"/>
              <a:gd name="connsiteY38" fmla="*/ 1928616 h 2039827"/>
              <a:gd name="connsiteX39" fmla="*/ 1544594 w 2168610"/>
              <a:gd name="connsiteY39" fmla="*/ 1891546 h 2039827"/>
              <a:gd name="connsiteX40" fmla="*/ 1526059 w 2168610"/>
              <a:gd name="connsiteY40" fmla="*/ 1848297 h 2039827"/>
              <a:gd name="connsiteX41" fmla="*/ 1538416 w 2168610"/>
              <a:gd name="connsiteY41" fmla="*/ 1817405 h 2039827"/>
              <a:gd name="connsiteX42" fmla="*/ 1532237 w 2168610"/>
              <a:gd name="connsiteY42" fmla="*/ 1798870 h 2039827"/>
              <a:gd name="connsiteX43" fmla="*/ 1488989 w 2168610"/>
              <a:gd name="connsiteY43" fmla="*/ 1774157 h 2039827"/>
              <a:gd name="connsiteX44" fmla="*/ 1538416 w 2168610"/>
              <a:gd name="connsiteY44" fmla="*/ 1743265 h 2039827"/>
              <a:gd name="connsiteX45" fmla="*/ 1544594 w 2168610"/>
              <a:gd name="connsiteY45" fmla="*/ 1730908 h 2039827"/>
              <a:gd name="connsiteX46" fmla="*/ 1550773 w 2168610"/>
              <a:gd name="connsiteY46" fmla="*/ 1700016 h 2039827"/>
              <a:gd name="connsiteX47" fmla="*/ 1526059 w 2168610"/>
              <a:gd name="connsiteY47" fmla="*/ 1669124 h 2039827"/>
              <a:gd name="connsiteX48" fmla="*/ 1550773 w 2168610"/>
              <a:gd name="connsiteY48" fmla="*/ 1669124 h 2039827"/>
              <a:gd name="connsiteX49" fmla="*/ 1575486 w 2168610"/>
              <a:gd name="connsiteY49" fmla="*/ 1650589 h 2039827"/>
              <a:gd name="connsiteX50" fmla="*/ 1550773 w 2168610"/>
              <a:gd name="connsiteY50" fmla="*/ 1594984 h 2039827"/>
              <a:gd name="connsiteX51" fmla="*/ 1550773 w 2168610"/>
              <a:gd name="connsiteY51" fmla="*/ 1594984 h 2039827"/>
              <a:gd name="connsiteX52" fmla="*/ 1618735 w 2168610"/>
              <a:gd name="connsiteY52" fmla="*/ 1594984 h 2039827"/>
              <a:gd name="connsiteX53" fmla="*/ 1631092 w 2168610"/>
              <a:gd name="connsiteY53" fmla="*/ 1582627 h 2039827"/>
              <a:gd name="connsiteX54" fmla="*/ 1649627 w 2168610"/>
              <a:gd name="connsiteY54" fmla="*/ 1533200 h 2039827"/>
              <a:gd name="connsiteX55" fmla="*/ 1686697 w 2168610"/>
              <a:gd name="connsiteY55" fmla="*/ 1533200 h 2039827"/>
              <a:gd name="connsiteX56" fmla="*/ 1705232 w 2168610"/>
              <a:gd name="connsiteY56" fmla="*/ 1533200 h 2039827"/>
              <a:gd name="connsiteX57" fmla="*/ 1705232 w 2168610"/>
              <a:gd name="connsiteY57" fmla="*/ 1502308 h 2039827"/>
              <a:gd name="connsiteX58" fmla="*/ 1699054 w 2168610"/>
              <a:gd name="connsiteY58" fmla="*/ 1483773 h 2039827"/>
              <a:gd name="connsiteX59" fmla="*/ 1699054 w 2168610"/>
              <a:gd name="connsiteY59" fmla="*/ 1483773 h 2039827"/>
              <a:gd name="connsiteX60" fmla="*/ 1773194 w 2168610"/>
              <a:gd name="connsiteY60" fmla="*/ 1489951 h 2039827"/>
              <a:gd name="connsiteX61" fmla="*/ 1834978 w 2168610"/>
              <a:gd name="connsiteY61" fmla="*/ 1477595 h 2039827"/>
              <a:gd name="connsiteX62" fmla="*/ 1896762 w 2168610"/>
              <a:gd name="connsiteY62" fmla="*/ 1421989 h 2039827"/>
              <a:gd name="connsiteX63" fmla="*/ 1896762 w 2168610"/>
              <a:gd name="connsiteY63" fmla="*/ 1378740 h 2039827"/>
              <a:gd name="connsiteX64" fmla="*/ 1946189 w 2168610"/>
              <a:gd name="connsiteY64" fmla="*/ 1347849 h 2039827"/>
              <a:gd name="connsiteX65" fmla="*/ 1940010 w 2168610"/>
              <a:gd name="connsiteY65" fmla="*/ 1286065 h 2039827"/>
              <a:gd name="connsiteX66" fmla="*/ 1983259 w 2168610"/>
              <a:gd name="connsiteY66" fmla="*/ 1267530 h 2039827"/>
              <a:gd name="connsiteX67" fmla="*/ 2007973 w 2168610"/>
              <a:gd name="connsiteY67" fmla="*/ 1329313 h 2039827"/>
              <a:gd name="connsiteX68" fmla="*/ 2143897 w 2168610"/>
              <a:gd name="connsiteY68" fmla="*/ 1255173 h 2039827"/>
              <a:gd name="connsiteX69" fmla="*/ 2156254 w 2168610"/>
              <a:gd name="connsiteY69" fmla="*/ 1168676 h 2039827"/>
              <a:gd name="connsiteX70" fmla="*/ 2143897 w 2168610"/>
              <a:gd name="connsiteY70" fmla="*/ 1131605 h 2039827"/>
              <a:gd name="connsiteX71" fmla="*/ 2137719 w 2168610"/>
              <a:gd name="connsiteY71" fmla="*/ 1094535 h 2039827"/>
              <a:gd name="connsiteX72" fmla="*/ 2150075 w 2168610"/>
              <a:gd name="connsiteY72" fmla="*/ 1051286 h 2039827"/>
              <a:gd name="connsiteX73" fmla="*/ 2168610 w 2168610"/>
              <a:gd name="connsiteY73" fmla="*/ 1014216 h 2039827"/>
              <a:gd name="connsiteX74" fmla="*/ 2131540 w 2168610"/>
              <a:gd name="connsiteY74" fmla="*/ 903005 h 2039827"/>
              <a:gd name="connsiteX75" fmla="*/ 2100648 w 2168610"/>
              <a:gd name="connsiteY75" fmla="*/ 872113 h 2039827"/>
              <a:gd name="connsiteX76" fmla="*/ 2075935 w 2168610"/>
              <a:gd name="connsiteY76" fmla="*/ 791795 h 2039827"/>
              <a:gd name="connsiteX77" fmla="*/ 2063578 w 2168610"/>
              <a:gd name="connsiteY77" fmla="*/ 618800 h 2039827"/>
              <a:gd name="connsiteX78" fmla="*/ 2051221 w 2168610"/>
              <a:gd name="connsiteY78" fmla="*/ 519946 h 2039827"/>
              <a:gd name="connsiteX79" fmla="*/ 2032686 w 2168610"/>
              <a:gd name="connsiteY79" fmla="*/ 501411 h 2039827"/>
              <a:gd name="connsiteX80" fmla="*/ 1983259 w 2168610"/>
              <a:gd name="connsiteY80" fmla="*/ 526124 h 2039827"/>
              <a:gd name="connsiteX81" fmla="*/ 1872048 w 2168610"/>
              <a:gd name="connsiteY81" fmla="*/ 470519 h 2039827"/>
              <a:gd name="connsiteX82" fmla="*/ 1834978 w 2168610"/>
              <a:gd name="connsiteY82" fmla="*/ 470519 h 2039827"/>
              <a:gd name="connsiteX83" fmla="*/ 1767016 w 2168610"/>
              <a:gd name="connsiteY83" fmla="*/ 464340 h 2039827"/>
              <a:gd name="connsiteX84" fmla="*/ 1692875 w 2168610"/>
              <a:gd name="connsiteY84" fmla="*/ 519946 h 2039827"/>
              <a:gd name="connsiteX85" fmla="*/ 1631092 w 2168610"/>
              <a:gd name="connsiteY85" fmla="*/ 489054 h 2039827"/>
              <a:gd name="connsiteX86" fmla="*/ 1594021 w 2168610"/>
              <a:gd name="connsiteY86" fmla="*/ 501411 h 2039827"/>
              <a:gd name="connsiteX87" fmla="*/ 1594021 w 2168610"/>
              <a:gd name="connsiteY87" fmla="*/ 501411 h 2039827"/>
              <a:gd name="connsiteX88" fmla="*/ 1519881 w 2168610"/>
              <a:gd name="connsiteY88" fmla="*/ 495232 h 2039827"/>
              <a:gd name="connsiteX89" fmla="*/ 1488989 w 2168610"/>
              <a:gd name="connsiteY89" fmla="*/ 470519 h 2039827"/>
              <a:gd name="connsiteX90" fmla="*/ 1439562 w 2168610"/>
              <a:gd name="connsiteY90" fmla="*/ 489054 h 2039827"/>
              <a:gd name="connsiteX91" fmla="*/ 1353065 w 2168610"/>
              <a:gd name="connsiteY91" fmla="*/ 445805 h 2039827"/>
              <a:gd name="connsiteX92" fmla="*/ 1291281 w 2168610"/>
              <a:gd name="connsiteY92" fmla="*/ 451984 h 2039827"/>
              <a:gd name="connsiteX93" fmla="*/ 1260389 w 2168610"/>
              <a:gd name="connsiteY93" fmla="*/ 439627 h 2039827"/>
              <a:gd name="connsiteX94" fmla="*/ 1235675 w 2168610"/>
              <a:gd name="connsiteY94" fmla="*/ 439627 h 2039827"/>
              <a:gd name="connsiteX95" fmla="*/ 1210962 w 2168610"/>
              <a:gd name="connsiteY95" fmla="*/ 396378 h 2039827"/>
              <a:gd name="connsiteX96" fmla="*/ 1136821 w 2168610"/>
              <a:gd name="connsiteY96" fmla="*/ 402557 h 2039827"/>
              <a:gd name="connsiteX97" fmla="*/ 1105929 w 2168610"/>
              <a:gd name="connsiteY97" fmla="*/ 371665 h 2039827"/>
              <a:gd name="connsiteX98" fmla="*/ 1087394 w 2168610"/>
              <a:gd name="connsiteY98" fmla="*/ 371665 h 2039827"/>
              <a:gd name="connsiteX99" fmla="*/ 1075037 w 2168610"/>
              <a:gd name="connsiteY99" fmla="*/ 359308 h 2039827"/>
              <a:gd name="connsiteX100" fmla="*/ 1062681 w 2168610"/>
              <a:gd name="connsiteY100" fmla="*/ 353130 h 2039827"/>
              <a:gd name="connsiteX101" fmla="*/ 1068450 w 2168610"/>
              <a:gd name="connsiteY101" fmla="*/ 10936 h 2039827"/>
              <a:gd name="connsiteX102" fmla="*/ 598898 w 2168610"/>
              <a:gd name="connsiteY102" fmla="*/ 0 h 2039827"/>
              <a:gd name="connsiteX0" fmla="*/ 598898 w 2168610"/>
              <a:gd name="connsiteY0" fmla="*/ 0 h 2039827"/>
              <a:gd name="connsiteX1" fmla="*/ 580767 w 2168610"/>
              <a:gd name="connsiteY1" fmla="*/ 872113 h 2039827"/>
              <a:gd name="connsiteX2" fmla="*/ 6178 w 2168610"/>
              <a:gd name="connsiteY2" fmla="*/ 853578 h 2039827"/>
              <a:gd name="connsiteX3" fmla="*/ 0 w 2168610"/>
              <a:gd name="connsiteY3" fmla="*/ 890649 h 2039827"/>
              <a:gd name="connsiteX4" fmla="*/ 49427 w 2168610"/>
              <a:gd name="connsiteY4" fmla="*/ 921540 h 2039827"/>
              <a:gd name="connsiteX5" fmla="*/ 105032 w 2168610"/>
              <a:gd name="connsiteY5" fmla="*/ 989503 h 2039827"/>
              <a:gd name="connsiteX6" fmla="*/ 154459 w 2168610"/>
              <a:gd name="connsiteY6" fmla="*/ 1063643 h 2039827"/>
              <a:gd name="connsiteX7" fmla="*/ 203886 w 2168610"/>
              <a:gd name="connsiteY7" fmla="*/ 1076000 h 2039827"/>
              <a:gd name="connsiteX8" fmla="*/ 240956 w 2168610"/>
              <a:gd name="connsiteY8" fmla="*/ 1125427 h 2039827"/>
              <a:gd name="connsiteX9" fmla="*/ 271848 w 2168610"/>
              <a:gd name="connsiteY9" fmla="*/ 1174854 h 2039827"/>
              <a:gd name="connsiteX10" fmla="*/ 296562 w 2168610"/>
              <a:gd name="connsiteY10" fmla="*/ 1230459 h 2039827"/>
              <a:gd name="connsiteX11" fmla="*/ 308919 w 2168610"/>
              <a:gd name="connsiteY11" fmla="*/ 1304600 h 2039827"/>
              <a:gd name="connsiteX12" fmla="*/ 327454 w 2168610"/>
              <a:gd name="connsiteY12" fmla="*/ 1329313 h 2039827"/>
              <a:gd name="connsiteX13" fmla="*/ 432486 w 2168610"/>
              <a:gd name="connsiteY13" fmla="*/ 1409632 h 2039827"/>
              <a:gd name="connsiteX14" fmla="*/ 438665 w 2168610"/>
              <a:gd name="connsiteY14" fmla="*/ 1384919 h 2039827"/>
              <a:gd name="connsiteX15" fmla="*/ 574589 w 2168610"/>
              <a:gd name="connsiteY15" fmla="*/ 1452881 h 2039827"/>
              <a:gd name="connsiteX16" fmla="*/ 574589 w 2168610"/>
              <a:gd name="connsiteY16" fmla="*/ 1452881 h 2039827"/>
              <a:gd name="connsiteX17" fmla="*/ 605481 w 2168610"/>
              <a:gd name="connsiteY17" fmla="*/ 1397276 h 2039827"/>
              <a:gd name="connsiteX18" fmla="*/ 661086 w 2168610"/>
              <a:gd name="connsiteY18" fmla="*/ 1329313 h 2039827"/>
              <a:gd name="connsiteX19" fmla="*/ 729048 w 2168610"/>
              <a:gd name="connsiteY19" fmla="*/ 1310778 h 2039827"/>
              <a:gd name="connsiteX20" fmla="*/ 821724 w 2168610"/>
              <a:gd name="connsiteY20" fmla="*/ 1323135 h 2039827"/>
              <a:gd name="connsiteX21" fmla="*/ 902043 w 2168610"/>
              <a:gd name="connsiteY21" fmla="*/ 1384919 h 2039827"/>
              <a:gd name="connsiteX22" fmla="*/ 957648 w 2168610"/>
              <a:gd name="connsiteY22" fmla="*/ 1465238 h 2039827"/>
              <a:gd name="connsiteX23" fmla="*/ 1013254 w 2168610"/>
              <a:gd name="connsiteY23" fmla="*/ 1545557 h 2039827"/>
              <a:gd name="connsiteX24" fmla="*/ 1062681 w 2168610"/>
              <a:gd name="connsiteY24" fmla="*/ 1632054 h 2039827"/>
              <a:gd name="connsiteX25" fmla="*/ 1118286 w 2168610"/>
              <a:gd name="connsiteY25" fmla="*/ 1700016 h 2039827"/>
              <a:gd name="connsiteX26" fmla="*/ 1167713 w 2168610"/>
              <a:gd name="connsiteY26" fmla="*/ 1737086 h 2039827"/>
              <a:gd name="connsiteX27" fmla="*/ 1198605 w 2168610"/>
              <a:gd name="connsiteY27" fmla="*/ 1817405 h 2039827"/>
              <a:gd name="connsiteX28" fmla="*/ 1223319 w 2168610"/>
              <a:gd name="connsiteY28" fmla="*/ 1879189 h 2039827"/>
              <a:gd name="connsiteX29" fmla="*/ 1248032 w 2168610"/>
              <a:gd name="connsiteY29" fmla="*/ 1940973 h 2039827"/>
              <a:gd name="connsiteX30" fmla="*/ 1278924 w 2168610"/>
              <a:gd name="connsiteY30" fmla="*/ 1984222 h 2039827"/>
              <a:gd name="connsiteX31" fmla="*/ 1340708 w 2168610"/>
              <a:gd name="connsiteY31" fmla="*/ 2008935 h 2039827"/>
              <a:gd name="connsiteX32" fmla="*/ 1439562 w 2168610"/>
              <a:gd name="connsiteY32" fmla="*/ 2027470 h 2039827"/>
              <a:gd name="connsiteX33" fmla="*/ 1513702 w 2168610"/>
              <a:gd name="connsiteY33" fmla="*/ 2039827 h 2039827"/>
              <a:gd name="connsiteX34" fmla="*/ 1606378 w 2168610"/>
              <a:gd name="connsiteY34" fmla="*/ 2039827 h 2039827"/>
              <a:gd name="connsiteX35" fmla="*/ 1587843 w 2168610"/>
              <a:gd name="connsiteY35" fmla="*/ 2027470 h 2039827"/>
              <a:gd name="connsiteX36" fmla="*/ 1587843 w 2168610"/>
              <a:gd name="connsiteY36" fmla="*/ 2027470 h 2039827"/>
              <a:gd name="connsiteX37" fmla="*/ 1575486 w 2168610"/>
              <a:gd name="connsiteY37" fmla="*/ 1959508 h 2039827"/>
              <a:gd name="connsiteX38" fmla="*/ 1550773 w 2168610"/>
              <a:gd name="connsiteY38" fmla="*/ 1928616 h 2039827"/>
              <a:gd name="connsiteX39" fmla="*/ 1544594 w 2168610"/>
              <a:gd name="connsiteY39" fmla="*/ 1891546 h 2039827"/>
              <a:gd name="connsiteX40" fmla="*/ 1526059 w 2168610"/>
              <a:gd name="connsiteY40" fmla="*/ 1848297 h 2039827"/>
              <a:gd name="connsiteX41" fmla="*/ 1538416 w 2168610"/>
              <a:gd name="connsiteY41" fmla="*/ 1817405 h 2039827"/>
              <a:gd name="connsiteX42" fmla="*/ 1532237 w 2168610"/>
              <a:gd name="connsiteY42" fmla="*/ 1798870 h 2039827"/>
              <a:gd name="connsiteX43" fmla="*/ 1488989 w 2168610"/>
              <a:gd name="connsiteY43" fmla="*/ 1774157 h 2039827"/>
              <a:gd name="connsiteX44" fmla="*/ 1538416 w 2168610"/>
              <a:gd name="connsiteY44" fmla="*/ 1743265 h 2039827"/>
              <a:gd name="connsiteX45" fmla="*/ 1544594 w 2168610"/>
              <a:gd name="connsiteY45" fmla="*/ 1730908 h 2039827"/>
              <a:gd name="connsiteX46" fmla="*/ 1550773 w 2168610"/>
              <a:gd name="connsiteY46" fmla="*/ 1700016 h 2039827"/>
              <a:gd name="connsiteX47" fmla="*/ 1526059 w 2168610"/>
              <a:gd name="connsiteY47" fmla="*/ 1669124 h 2039827"/>
              <a:gd name="connsiteX48" fmla="*/ 1550773 w 2168610"/>
              <a:gd name="connsiteY48" fmla="*/ 1669124 h 2039827"/>
              <a:gd name="connsiteX49" fmla="*/ 1575486 w 2168610"/>
              <a:gd name="connsiteY49" fmla="*/ 1650589 h 2039827"/>
              <a:gd name="connsiteX50" fmla="*/ 1550773 w 2168610"/>
              <a:gd name="connsiteY50" fmla="*/ 1594984 h 2039827"/>
              <a:gd name="connsiteX51" fmla="*/ 1550773 w 2168610"/>
              <a:gd name="connsiteY51" fmla="*/ 1594984 h 2039827"/>
              <a:gd name="connsiteX52" fmla="*/ 1618735 w 2168610"/>
              <a:gd name="connsiteY52" fmla="*/ 1594984 h 2039827"/>
              <a:gd name="connsiteX53" fmla="*/ 1631092 w 2168610"/>
              <a:gd name="connsiteY53" fmla="*/ 1582627 h 2039827"/>
              <a:gd name="connsiteX54" fmla="*/ 1649627 w 2168610"/>
              <a:gd name="connsiteY54" fmla="*/ 1533200 h 2039827"/>
              <a:gd name="connsiteX55" fmla="*/ 1686697 w 2168610"/>
              <a:gd name="connsiteY55" fmla="*/ 1533200 h 2039827"/>
              <a:gd name="connsiteX56" fmla="*/ 1705232 w 2168610"/>
              <a:gd name="connsiteY56" fmla="*/ 1533200 h 2039827"/>
              <a:gd name="connsiteX57" fmla="*/ 1705232 w 2168610"/>
              <a:gd name="connsiteY57" fmla="*/ 1502308 h 2039827"/>
              <a:gd name="connsiteX58" fmla="*/ 1699054 w 2168610"/>
              <a:gd name="connsiteY58" fmla="*/ 1483773 h 2039827"/>
              <a:gd name="connsiteX59" fmla="*/ 1699054 w 2168610"/>
              <a:gd name="connsiteY59" fmla="*/ 1483773 h 2039827"/>
              <a:gd name="connsiteX60" fmla="*/ 1773194 w 2168610"/>
              <a:gd name="connsiteY60" fmla="*/ 1489951 h 2039827"/>
              <a:gd name="connsiteX61" fmla="*/ 1834978 w 2168610"/>
              <a:gd name="connsiteY61" fmla="*/ 1477595 h 2039827"/>
              <a:gd name="connsiteX62" fmla="*/ 1896762 w 2168610"/>
              <a:gd name="connsiteY62" fmla="*/ 1421989 h 2039827"/>
              <a:gd name="connsiteX63" fmla="*/ 1896762 w 2168610"/>
              <a:gd name="connsiteY63" fmla="*/ 1378740 h 2039827"/>
              <a:gd name="connsiteX64" fmla="*/ 1946189 w 2168610"/>
              <a:gd name="connsiteY64" fmla="*/ 1347849 h 2039827"/>
              <a:gd name="connsiteX65" fmla="*/ 1940010 w 2168610"/>
              <a:gd name="connsiteY65" fmla="*/ 1286065 h 2039827"/>
              <a:gd name="connsiteX66" fmla="*/ 1983259 w 2168610"/>
              <a:gd name="connsiteY66" fmla="*/ 1267530 h 2039827"/>
              <a:gd name="connsiteX67" fmla="*/ 2007973 w 2168610"/>
              <a:gd name="connsiteY67" fmla="*/ 1329313 h 2039827"/>
              <a:gd name="connsiteX68" fmla="*/ 2143897 w 2168610"/>
              <a:gd name="connsiteY68" fmla="*/ 1255173 h 2039827"/>
              <a:gd name="connsiteX69" fmla="*/ 2156254 w 2168610"/>
              <a:gd name="connsiteY69" fmla="*/ 1168676 h 2039827"/>
              <a:gd name="connsiteX70" fmla="*/ 2143897 w 2168610"/>
              <a:gd name="connsiteY70" fmla="*/ 1131605 h 2039827"/>
              <a:gd name="connsiteX71" fmla="*/ 2137719 w 2168610"/>
              <a:gd name="connsiteY71" fmla="*/ 1094535 h 2039827"/>
              <a:gd name="connsiteX72" fmla="*/ 2150075 w 2168610"/>
              <a:gd name="connsiteY72" fmla="*/ 1051286 h 2039827"/>
              <a:gd name="connsiteX73" fmla="*/ 2168610 w 2168610"/>
              <a:gd name="connsiteY73" fmla="*/ 1014216 h 2039827"/>
              <a:gd name="connsiteX74" fmla="*/ 2131540 w 2168610"/>
              <a:gd name="connsiteY74" fmla="*/ 903005 h 2039827"/>
              <a:gd name="connsiteX75" fmla="*/ 2100648 w 2168610"/>
              <a:gd name="connsiteY75" fmla="*/ 872113 h 2039827"/>
              <a:gd name="connsiteX76" fmla="*/ 2075935 w 2168610"/>
              <a:gd name="connsiteY76" fmla="*/ 791795 h 2039827"/>
              <a:gd name="connsiteX77" fmla="*/ 2063578 w 2168610"/>
              <a:gd name="connsiteY77" fmla="*/ 618800 h 2039827"/>
              <a:gd name="connsiteX78" fmla="*/ 2051221 w 2168610"/>
              <a:gd name="connsiteY78" fmla="*/ 519946 h 2039827"/>
              <a:gd name="connsiteX79" fmla="*/ 2032686 w 2168610"/>
              <a:gd name="connsiteY79" fmla="*/ 501411 h 2039827"/>
              <a:gd name="connsiteX80" fmla="*/ 1983259 w 2168610"/>
              <a:gd name="connsiteY80" fmla="*/ 526124 h 2039827"/>
              <a:gd name="connsiteX81" fmla="*/ 1872048 w 2168610"/>
              <a:gd name="connsiteY81" fmla="*/ 470519 h 2039827"/>
              <a:gd name="connsiteX82" fmla="*/ 1834978 w 2168610"/>
              <a:gd name="connsiteY82" fmla="*/ 470519 h 2039827"/>
              <a:gd name="connsiteX83" fmla="*/ 1767016 w 2168610"/>
              <a:gd name="connsiteY83" fmla="*/ 464340 h 2039827"/>
              <a:gd name="connsiteX84" fmla="*/ 1692875 w 2168610"/>
              <a:gd name="connsiteY84" fmla="*/ 519946 h 2039827"/>
              <a:gd name="connsiteX85" fmla="*/ 1631092 w 2168610"/>
              <a:gd name="connsiteY85" fmla="*/ 489054 h 2039827"/>
              <a:gd name="connsiteX86" fmla="*/ 1594021 w 2168610"/>
              <a:gd name="connsiteY86" fmla="*/ 501411 h 2039827"/>
              <a:gd name="connsiteX87" fmla="*/ 1594021 w 2168610"/>
              <a:gd name="connsiteY87" fmla="*/ 501411 h 2039827"/>
              <a:gd name="connsiteX88" fmla="*/ 1519881 w 2168610"/>
              <a:gd name="connsiteY88" fmla="*/ 495232 h 2039827"/>
              <a:gd name="connsiteX89" fmla="*/ 1488989 w 2168610"/>
              <a:gd name="connsiteY89" fmla="*/ 470519 h 2039827"/>
              <a:gd name="connsiteX90" fmla="*/ 1439562 w 2168610"/>
              <a:gd name="connsiteY90" fmla="*/ 489054 h 2039827"/>
              <a:gd name="connsiteX91" fmla="*/ 1353065 w 2168610"/>
              <a:gd name="connsiteY91" fmla="*/ 445805 h 2039827"/>
              <a:gd name="connsiteX92" fmla="*/ 1291281 w 2168610"/>
              <a:gd name="connsiteY92" fmla="*/ 451984 h 2039827"/>
              <a:gd name="connsiteX93" fmla="*/ 1260389 w 2168610"/>
              <a:gd name="connsiteY93" fmla="*/ 439627 h 2039827"/>
              <a:gd name="connsiteX94" fmla="*/ 1235675 w 2168610"/>
              <a:gd name="connsiteY94" fmla="*/ 439627 h 2039827"/>
              <a:gd name="connsiteX95" fmla="*/ 1210962 w 2168610"/>
              <a:gd name="connsiteY95" fmla="*/ 396378 h 2039827"/>
              <a:gd name="connsiteX96" fmla="*/ 1144010 w 2168610"/>
              <a:gd name="connsiteY96" fmla="*/ 390478 h 2039827"/>
              <a:gd name="connsiteX97" fmla="*/ 1105929 w 2168610"/>
              <a:gd name="connsiteY97" fmla="*/ 371665 h 2039827"/>
              <a:gd name="connsiteX98" fmla="*/ 1087394 w 2168610"/>
              <a:gd name="connsiteY98" fmla="*/ 371665 h 2039827"/>
              <a:gd name="connsiteX99" fmla="*/ 1075037 w 2168610"/>
              <a:gd name="connsiteY99" fmla="*/ 359308 h 2039827"/>
              <a:gd name="connsiteX100" fmla="*/ 1062681 w 2168610"/>
              <a:gd name="connsiteY100" fmla="*/ 353130 h 2039827"/>
              <a:gd name="connsiteX101" fmla="*/ 1068450 w 2168610"/>
              <a:gd name="connsiteY101" fmla="*/ 10936 h 2039827"/>
              <a:gd name="connsiteX102" fmla="*/ 598898 w 2168610"/>
              <a:gd name="connsiteY102" fmla="*/ 0 h 2039827"/>
              <a:gd name="connsiteX0" fmla="*/ 598898 w 2168610"/>
              <a:gd name="connsiteY0" fmla="*/ 0 h 2039827"/>
              <a:gd name="connsiteX1" fmla="*/ 580767 w 2168610"/>
              <a:gd name="connsiteY1" fmla="*/ 872113 h 2039827"/>
              <a:gd name="connsiteX2" fmla="*/ 6178 w 2168610"/>
              <a:gd name="connsiteY2" fmla="*/ 853578 h 2039827"/>
              <a:gd name="connsiteX3" fmla="*/ 0 w 2168610"/>
              <a:gd name="connsiteY3" fmla="*/ 890649 h 2039827"/>
              <a:gd name="connsiteX4" fmla="*/ 49427 w 2168610"/>
              <a:gd name="connsiteY4" fmla="*/ 921540 h 2039827"/>
              <a:gd name="connsiteX5" fmla="*/ 105032 w 2168610"/>
              <a:gd name="connsiteY5" fmla="*/ 989503 h 2039827"/>
              <a:gd name="connsiteX6" fmla="*/ 154459 w 2168610"/>
              <a:gd name="connsiteY6" fmla="*/ 1063643 h 2039827"/>
              <a:gd name="connsiteX7" fmla="*/ 203886 w 2168610"/>
              <a:gd name="connsiteY7" fmla="*/ 1076000 h 2039827"/>
              <a:gd name="connsiteX8" fmla="*/ 240956 w 2168610"/>
              <a:gd name="connsiteY8" fmla="*/ 1125427 h 2039827"/>
              <a:gd name="connsiteX9" fmla="*/ 271848 w 2168610"/>
              <a:gd name="connsiteY9" fmla="*/ 1174854 h 2039827"/>
              <a:gd name="connsiteX10" fmla="*/ 296562 w 2168610"/>
              <a:gd name="connsiteY10" fmla="*/ 1230459 h 2039827"/>
              <a:gd name="connsiteX11" fmla="*/ 308919 w 2168610"/>
              <a:gd name="connsiteY11" fmla="*/ 1304600 h 2039827"/>
              <a:gd name="connsiteX12" fmla="*/ 327454 w 2168610"/>
              <a:gd name="connsiteY12" fmla="*/ 1329313 h 2039827"/>
              <a:gd name="connsiteX13" fmla="*/ 432486 w 2168610"/>
              <a:gd name="connsiteY13" fmla="*/ 1409632 h 2039827"/>
              <a:gd name="connsiteX14" fmla="*/ 438665 w 2168610"/>
              <a:gd name="connsiteY14" fmla="*/ 1384919 h 2039827"/>
              <a:gd name="connsiteX15" fmla="*/ 574589 w 2168610"/>
              <a:gd name="connsiteY15" fmla="*/ 1452881 h 2039827"/>
              <a:gd name="connsiteX16" fmla="*/ 574589 w 2168610"/>
              <a:gd name="connsiteY16" fmla="*/ 1452881 h 2039827"/>
              <a:gd name="connsiteX17" fmla="*/ 605481 w 2168610"/>
              <a:gd name="connsiteY17" fmla="*/ 1397276 h 2039827"/>
              <a:gd name="connsiteX18" fmla="*/ 661086 w 2168610"/>
              <a:gd name="connsiteY18" fmla="*/ 1329313 h 2039827"/>
              <a:gd name="connsiteX19" fmla="*/ 729048 w 2168610"/>
              <a:gd name="connsiteY19" fmla="*/ 1310778 h 2039827"/>
              <a:gd name="connsiteX20" fmla="*/ 821724 w 2168610"/>
              <a:gd name="connsiteY20" fmla="*/ 1323135 h 2039827"/>
              <a:gd name="connsiteX21" fmla="*/ 902043 w 2168610"/>
              <a:gd name="connsiteY21" fmla="*/ 1384919 h 2039827"/>
              <a:gd name="connsiteX22" fmla="*/ 957648 w 2168610"/>
              <a:gd name="connsiteY22" fmla="*/ 1465238 h 2039827"/>
              <a:gd name="connsiteX23" fmla="*/ 1013254 w 2168610"/>
              <a:gd name="connsiteY23" fmla="*/ 1545557 h 2039827"/>
              <a:gd name="connsiteX24" fmla="*/ 1062681 w 2168610"/>
              <a:gd name="connsiteY24" fmla="*/ 1632054 h 2039827"/>
              <a:gd name="connsiteX25" fmla="*/ 1118286 w 2168610"/>
              <a:gd name="connsiteY25" fmla="*/ 1700016 h 2039827"/>
              <a:gd name="connsiteX26" fmla="*/ 1167713 w 2168610"/>
              <a:gd name="connsiteY26" fmla="*/ 1737086 h 2039827"/>
              <a:gd name="connsiteX27" fmla="*/ 1198605 w 2168610"/>
              <a:gd name="connsiteY27" fmla="*/ 1817405 h 2039827"/>
              <a:gd name="connsiteX28" fmla="*/ 1223319 w 2168610"/>
              <a:gd name="connsiteY28" fmla="*/ 1879189 h 2039827"/>
              <a:gd name="connsiteX29" fmla="*/ 1248032 w 2168610"/>
              <a:gd name="connsiteY29" fmla="*/ 1940973 h 2039827"/>
              <a:gd name="connsiteX30" fmla="*/ 1278924 w 2168610"/>
              <a:gd name="connsiteY30" fmla="*/ 1984222 h 2039827"/>
              <a:gd name="connsiteX31" fmla="*/ 1340708 w 2168610"/>
              <a:gd name="connsiteY31" fmla="*/ 2008935 h 2039827"/>
              <a:gd name="connsiteX32" fmla="*/ 1439562 w 2168610"/>
              <a:gd name="connsiteY32" fmla="*/ 2027470 h 2039827"/>
              <a:gd name="connsiteX33" fmla="*/ 1513702 w 2168610"/>
              <a:gd name="connsiteY33" fmla="*/ 2039827 h 2039827"/>
              <a:gd name="connsiteX34" fmla="*/ 1606378 w 2168610"/>
              <a:gd name="connsiteY34" fmla="*/ 2039827 h 2039827"/>
              <a:gd name="connsiteX35" fmla="*/ 1587843 w 2168610"/>
              <a:gd name="connsiteY35" fmla="*/ 2027470 h 2039827"/>
              <a:gd name="connsiteX36" fmla="*/ 1587843 w 2168610"/>
              <a:gd name="connsiteY36" fmla="*/ 2027470 h 2039827"/>
              <a:gd name="connsiteX37" fmla="*/ 1575486 w 2168610"/>
              <a:gd name="connsiteY37" fmla="*/ 1959508 h 2039827"/>
              <a:gd name="connsiteX38" fmla="*/ 1550773 w 2168610"/>
              <a:gd name="connsiteY38" fmla="*/ 1928616 h 2039827"/>
              <a:gd name="connsiteX39" fmla="*/ 1544594 w 2168610"/>
              <a:gd name="connsiteY39" fmla="*/ 1891546 h 2039827"/>
              <a:gd name="connsiteX40" fmla="*/ 1526059 w 2168610"/>
              <a:gd name="connsiteY40" fmla="*/ 1848297 h 2039827"/>
              <a:gd name="connsiteX41" fmla="*/ 1538416 w 2168610"/>
              <a:gd name="connsiteY41" fmla="*/ 1817405 h 2039827"/>
              <a:gd name="connsiteX42" fmla="*/ 1532237 w 2168610"/>
              <a:gd name="connsiteY42" fmla="*/ 1798870 h 2039827"/>
              <a:gd name="connsiteX43" fmla="*/ 1488989 w 2168610"/>
              <a:gd name="connsiteY43" fmla="*/ 1774157 h 2039827"/>
              <a:gd name="connsiteX44" fmla="*/ 1538416 w 2168610"/>
              <a:gd name="connsiteY44" fmla="*/ 1743265 h 2039827"/>
              <a:gd name="connsiteX45" fmla="*/ 1544594 w 2168610"/>
              <a:gd name="connsiteY45" fmla="*/ 1730908 h 2039827"/>
              <a:gd name="connsiteX46" fmla="*/ 1550773 w 2168610"/>
              <a:gd name="connsiteY46" fmla="*/ 1700016 h 2039827"/>
              <a:gd name="connsiteX47" fmla="*/ 1526059 w 2168610"/>
              <a:gd name="connsiteY47" fmla="*/ 1669124 h 2039827"/>
              <a:gd name="connsiteX48" fmla="*/ 1550773 w 2168610"/>
              <a:gd name="connsiteY48" fmla="*/ 1669124 h 2039827"/>
              <a:gd name="connsiteX49" fmla="*/ 1575486 w 2168610"/>
              <a:gd name="connsiteY49" fmla="*/ 1650589 h 2039827"/>
              <a:gd name="connsiteX50" fmla="*/ 1550773 w 2168610"/>
              <a:gd name="connsiteY50" fmla="*/ 1594984 h 2039827"/>
              <a:gd name="connsiteX51" fmla="*/ 1550773 w 2168610"/>
              <a:gd name="connsiteY51" fmla="*/ 1594984 h 2039827"/>
              <a:gd name="connsiteX52" fmla="*/ 1618735 w 2168610"/>
              <a:gd name="connsiteY52" fmla="*/ 1594984 h 2039827"/>
              <a:gd name="connsiteX53" fmla="*/ 1631092 w 2168610"/>
              <a:gd name="connsiteY53" fmla="*/ 1582627 h 2039827"/>
              <a:gd name="connsiteX54" fmla="*/ 1649627 w 2168610"/>
              <a:gd name="connsiteY54" fmla="*/ 1533200 h 2039827"/>
              <a:gd name="connsiteX55" fmla="*/ 1686697 w 2168610"/>
              <a:gd name="connsiteY55" fmla="*/ 1533200 h 2039827"/>
              <a:gd name="connsiteX56" fmla="*/ 1705232 w 2168610"/>
              <a:gd name="connsiteY56" fmla="*/ 1533200 h 2039827"/>
              <a:gd name="connsiteX57" fmla="*/ 1705232 w 2168610"/>
              <a:gd name="connsiteY57" fmla="*/ 1502308 h 2039827"/>
              <a:gd name="connsiteX58" fmla="*/ 1699054 w 2168610"/>
              <a:gd name="connsiteY58" fmla="*/ 1483773 h 2039827"/>
              <a:gd name="connsiteX59" fmla="*/ 1699054 w 2168610"/>
              <a:gd name="connsiteY59" fmla="*/ 1483773 h 2039827"/>
              <a:gd name="connsiteX60" fmla="*/ 1773194 w 2168610"/>
              <a:gd name="connsiteY60" fmla="*/ 1489951 h 2039827"/>
              <a:gd name="connsiteX61" fmla="*/ 1834978 w 2168610"/>
              <a:gd name="connsiteY61" fmla="*/ 1477595 h 2039827"/>
              <a:gd name="connsiteX62" fmla="*/ 1896762 w 2168610"/>
              <a:gd name="connsiteY62" fmla="*/ 1421989 h 2039827"/>
              <a:gd name="connsiteX63" fmla="*/ 1896762 w 2168610"/>
              <a:gd name="connsiteY63" fmla="*/ 1378740 h 2039827"/>
              <a:gd name="connsiteX64" fmla="*/ 1946189 w 2168610"/>
              <a:gd name="connsiteY64" fmla="*/ 1347849 h 2039827"/>
              <a:gd name="connsiteX65" fmla="*/ 1940010 w 2168610"/>
              <a:gd name="connsiteY65" fmla="*/ 1286065 h 2039827"/>
              <a:gd name="connsiteX66" fmla="*/ 1983259 w 2168610"/>
              <a:gd name="connsiteY66" fmla="*/ 1267530 h 2039827"/>
              <a:gd name="connsiteX67" fmla="*/ 2007973 w 2168610"/>
              <a:gd name="connsiteY67" fmla="*/ 1329313 h 2039827"/>
              <a:gd name="connsiteX68" fmla="*/ 2143897 w 2168610"/>
              <a:gd name="connsiteY68" fmla="*/ 1255173 h 2039827"/>
              <a:gd name="connsiteX69" fmla="*/ 2156254 w 2168610"/>
              <a:gd name="connsiteY69" fmla="*/ 1168676 h 2039827"/>
              <a:gd name="connsiteX70" fmla="*/ 2143897 w 2168610"/>
              <a:gd name="connsiteY70" fmla="*/ 1131605 h 2039827"/>
              <a:gd name="connsiteX71" fmla="*/ 2137719 w 2168610"/>
              <a:gd name="connsiteY71" fmla="*/ 1094535 h 2039827"/>
              <a:gd name="connsiteX72" fmla="*/ 2150075 w 2168610"/>
              <a:gd name="connsiteY72" fmla="*/ 1051286 h 2039827"/>
              <a:gd name="connsiteX73" fmla="*/ 2168610 w 2168610"/>
              <a:gd name="connsiteY73" fmla="*/ 1014216 h 2039827"/>
              <a:gd name="connsiteX74" fmla="*/ 2131540 w 2168610"/>
              <a:gd name="connsiteY74" fmla="*/ 903005 h 2039827"/>
              <a:gd name="connsiteX75" fmla="*/ 2100648 w 2168610"/>
              <a:gd name="connsiteY75" fmla="*/ 872113 h 2039827"/>
              <a:gd name="connsiteX76" fmla="*/ 2075935 w 2168610"/>
              <a:gd name="connsiteY76" fmla="*/ 791795 h 2039827"/>
              <a:gd name="connsiteX77" fmla="*/ 2063578 w 2168610"/>
              <a:gd name="connsiteY77" fmla="*/ 618800 h 2039827"/>
              <a:gd name="connsiteX78" fmla="*/ 2051221 w 2168610"/>
              <a:gd name="connsiteY78" fmla="*/ 519946 h 2039827"/>
              <a:gd name="connsiteX79" fmla="*/ 2032686 w 2168610"/>
              <a:gd name="connsiteY79" fmla="*/ 501411 h 2039827"/>
              <a:gd name="connsiteX80" fmla="*/ 1983259 w 2168610"/>
              <a:gd name="connsiteY80" fmla="*/ 526124 h 2039827"/>
              <a:gd name="connsiteX81" fmla="*/ 1872048 w 2168610"/>
              <a:gd name="connsiteY81" fmla="*/ 470519 h 2039827"/>
              <a:gd name="connsiteX82" fmla="*/ 1834978 w 2168610"/>
              <a:gd name="connsiteY82" fmla="*/ 470519 h 2039827"/>
              <a:gd name="connsiteX83" fmla="*/ 1767016 w 2168610"/>
              <a:gd name="connsiteY83" fmla="*/ 464340 h 2039827"/>
              <a:gd name="connsiteX84" fmla="*/ 1692875 w 2168610"/>
              <a:gd name="connsiteY84" fmla="*/ 519946 h 2039827"/>
              <a:gd name="connsiteX85" fmla="*/ 1631092 w 2168610"/>
              <a:gd name="connsiteY85" fmla="*/ 489054 h 2039827"/>
              <a:gd name="connsiteX86" fmla="*/ 1594021 w 2168610"/>
              <a:gd name="connsiteY86" fmla="*/ 501411 h 2039827"/>
              <a:gd name="connsiteX87" fmla="*/ 1594083 w 2168610"/>
              <a:gd name="connsiteY87" fmla="*/ 489288 h 2039827"/>
              <a:gd name="connsiteX88" fmla="*/ 1519881 w 2168610"/>
              <a:gd name="connsiteY88" fmla="*/ 495232 h 2039827"/>
              <a:gd name="connsiteX89" fmla="*/ 1488989 w 2168610"/>
              <a:gd name="connsiteY89" fmla="*/ 470519 h 2039827"/>
              <a:gd name="connsiteX90" fmla="*/ 1439562 w 2168610"/>
              <a:gd name="connsiteY90" fmla="*/ 489054 h 2039827"/>
              <a:gd name="connsiteX91" fmla="*/ 1353065 w 2168610"/>
              <a:gd name="connsiteY91" fmla="*/ 445805 h 2039827"/>
              <a:gd name="connsiteX92" fmla="*/ 1291281 w 2168610"/>
              <a:gd name="connsiteY92" fmla="*/ 451984 h 2039827"/>
              <a:gd name="connsiteX93" fmla="*/ 1260389 w 2168610"/>
              <a:gd name="connsiteY93" fmla="*/ 439627 h 2039827"/>
              <a:gd name="connsiteX94" fmla="*/ 1235675 w 2168610"/>
              <a:gd name="connsiteY94" fmla="*/ 439627 h 2039827"/>
              <a:gd name="connsiteX95" fmla="*/ 1210962 w 2168610"/>
              <a:gd name="connsiteY95" fmla="*/ 396378 h 2039827"/>
              <a:gd name="connsiteX96" fmla="*/ 1144010 w 2168610"/>
              <a:gd name="connsiteY96" fmla="*/ 390478 h 2039827"/>
              <a:gd name="connsiteX97" fmla="*/ 1105929 w 2168610"/>
              <a:gd name="connsiteY97" fmla="*/ 371665 h 2039827"/>
              <a:gd name="connsiteX98" fmla="*/ 1087394 w 2168610"/>
              <a:gd name="connsiteY98" fmla="*/ 371665 h 2039827"/>
              <a:gd name="connsiteX99" fmla="*/ 1075037 w 2168610"/>
              <a:gd name="connsiteY99" fmla="*/ 359308 h 2039827"/>
              <a:gd name="connsiteX100" fmla="*/ 1062681 w 2168610"/>
              <a:gd name="connsiteY100" fmla="*/ 353130 h 2039827"/>
              <a:gd name="connsiteX101" fmla="*/ 1068450 w 2168610"/>
              <a:gd name="connsiteY101" fmla="*/ 10936 h 2039827"/>
              <a:gd name="connsiteX102" fmla="*/ 598898 w 2168610"/>
              <a:gd name="connsiteY102" fmla="*/ 0 h 2039827"/>
              <a:gd name="connsiteX0" fmla="*/ 598898 w 2168610"/>
              <a:gd name="connsiteY0" fmla="*/ 0 h 2039827"/>
              <a:gd name="connsiteX1" fmla="*/ 580767 w 2168610"/>
              <a:gd name="connsiteY1" fmla="*/ 872113 h 2039827"/>
              <a:gd name="connsiteX2" fmla="*/ 6178 w 2168610"/>
              <a:gd name="connsiteY2" fmla="*/ 853578 h 2039827"/>
              <a:gd name="connsiteX3" fmla="*/ 0 w 2168610"/>
              <a:gd name="connsiteY3" fmla="*/ 890649 h 2039827"/>
              <a:gd name="connsiteX4" fmla="*/ 49427 w 2168610"/>
              <a:gd name="connsiteY4" fmla="*/ 921540 h 2039827"/>
              <a:gd name="connsiteX5" fmla="*/ 105032 w 2168610"/>
              <a:gd name="connsiteY5" fmla="*/ 989503 h 2039827"/>
              <a:gd name="connsiteX6" fmla="*/ 154459 w 2168610"/>
              <a:gd name="connsiteY6" fmla="*/ 1063643 h 2039827"/>
              <a:gd name="connsiteX7" fmla="*/ 203886 w 2168610"/>
              <a:gd name="connsiteY7" fmla="*/ 1076000 h 2039827"/>
              <a:gd name="connsiteX8" fmla="*/ 240956 w 2168610"/>
              <a:gd name="connsiteY8" fmla="*/ 1125427 h 2039827"/>
              <a:gd name="connsiteX9" fmla="*/ 271848 w 2168610"/>
              <a:gd name="connsiteY9" fmla="*/ 1174854 h 2039827"/>
              <a:gd name="connsiteX10" fmla="*/ 296562 w 2168610"/>
              <a:gd name="connsiteY10" fmla="*/ 1230459 h 2039827"/>
              <a:gd name="connsiteX11" fmla="*/ 308919 w 2168610"/>
              <a:gd name="connsiteY11" fmla="*/ 1304600 h 2039827"/>
              <a:gd name="connsiteX12" fmla="*/ 327454 w 2168610"/>
              <a:gd name="connsiteY12" fmla="*/ 1329313 h 2039827"/>
              <a:gd name="connsiteX13" fmla="*/ 432486 w 2168610"/>
              <a:gd name="connsiteY13" fmla="*/ 1409632 h 2039827"/>
              <a:gd name="connsiteX14" fmla="*/ 438665 w 2168610"/>
              <a:gd name="connsiteY14" fmla="*/ 1384919 h 2039827"/>
              <a:gd name="connsiteX15" fmla="*/ 574589 w 2168610"/>
              <a:gd name="connsiteY15" fmla="*/ 1452881 h 2039827"/>
              <a:gd name="connsiteX16" fmla="*/ 574589 w 2168610"/>
              <a:gd name="connsiteY16" fmla="*/ 1452881 h 2039827"/>
              <a:gd name="connsiteX17" fmla="*/ 605481 w 2168610"/>
              <a:gd name="connsiteY17" fmla="*/ 1397276 h 2039827"/>
              <a:gd name="connsiteX18" fmla="*/ 661086 w 2168610"/>
              <a:gd name="connsiteY18" fmla="*/ 1329313 h 2039827"/>
              <a:gd name="connsiteX19" fmla="*/ 729048 w 2168610"/>
              <a:gd name="connsiteY19" fmla="*/ 1310778 h 2039827"/>
              <a:gd name="connsiteX20" fmla="*/ 821724 w 2168610"/>
              <a:gd name="connsiteY20" fmla="*/ 1323135 h 2039827"/>
              <a:gd name="connsiteX21" fmla="*/ 902043 w 2168610"/>
              <a:gd name="connsiteY21" fmla="*/ 1384919 h 2039827"/>
              <a:gd name="connsiteX22" fmla="*/ 957648 w 2168610"/>
              <a:gd name="connsiteY22" fmla="*/ 1465238 h 2039827"/>
              <a:gd name="connsiteX23" fmla="*/ 1013254 w 2168610"/>
              <a:gd name="connsiteY23" fmla="*/ 1545557 h 2039827"/>
              <a:gd name="connsiteX24" fmla="*/ 1062681 w 2168610"/>
              <a:gd name="connsiteY24" fmla="*/ 1632054 h 2039827"/>
              <a:gd name="connsiteX25" fmla="*/ 1118286 w 2168610"/>
              <a:gd name="connsiteY25" fmla="*/ 1700016 h 2039827"/>
              <a:gd name="connsiteX26" fmla="*/ 1167713 w 2168610"/>
              <a:gd name="connsiteY26" fmla="*/ 1737086 h 2039827"/>
              <a:gd name="connsiteX27" fmla="*/ 1198605 w 2168610"/>
              <a:gd name="connsiteY27" fmla="*/ 1817405 h 2039827"/>
              <a:gd name="connsiteX28" fmla="*/ 1223319 w 2168610"/>
              <a:gd name="connsiteY28" fmla="*/ 1879189 h 2039827"/>
              <a:gd name="connsiteX29" fmla="*/ 1248032 w 2168610"/>
              <a:gd name="connsiteY29" fmla="*/ 1940973 h 2039827"/>
              <a:gd name="connsiteX30" fmla="*/ 1278924 w 2168610"/>
              <a:gd name="connsiteY30" fmla="*/ 1984222 h 2039827"/>
              <a:gd name="connsiteX31" fmla="*/ 1340708 w 2168610"/>
              <a:gd name="connsiteY31" fmla="*/ 2008935 h 2039827"/>
              <a:gd name="connsiteX32" fmla="*/ 1439562 w 2168610"/>
              <a:gd name="connsiteY32" fmla="*/ 2027470 h 2039827"/>
              <a:gd name="connsiteX33" fmla="*/ 1513702 w 2168610"/>
              <a:gd name="connsiteY33" fmla="*/ 2039827 h 2039827"/>
              <a:gd name="connsiteX34" fmla="*/ 1606378 w 2168610"/>
              <a:gd name="connsiteY34" fmla="*/ 2039827 h 2039827"/>
              <a:gd name="connsiteX35" fmla="*/ 1587843 w 2168610"/>
              <a:gd name="connsiteY35" fmla="*/ 2027470 h 2039827"/>
              <a:gd name="connsiteX36" fmla="*/ 1587843 w 2168610"/>
              <a:gd name="connsiteY36" fmla="*/ 2027470 h 2039827"/>
              <a:gd name="connsiteX37" fmla="*/ 1575486 w 2168610"/>
              <a:gd name="connsiteY37" fmla="*/ 1959508 h 2039827"/>
              <a:gd name="connsiteX38" fmla="*/ 1550773 w 2168610"/>
              <a:gd name="connsiteY38" fmla="*/ 1928616 h 2039827"/>
              <a:gd name="connsiteX39" fmla="*/ 1544594 w 2168610"/>
              <a:gd name="connsiteY39" fmla="*/ 1891546 h 2039827"/>
              <a:gd name="connsiteX40" fmla="*/ 1526059 w 2168610"/>
              <a:gd name="connsiteY40" fmla="*/ 1848297 h 2039827"/>
              <a:gd name="connsiteX41" fmla="*/ 1538416 w 2168610"/>
              <a:gd name="connsiteY41" fmla="*/ 1817405 h 2039827"/>
              <a:gd name="connsiteX42" fmla="*/ 1532237 w 2168610"/>
              <a:gd name="connsiteY42" fmla="*/ 1798870 h 2039827"/>
              <a:gd name="connsiteX43" fmla="*/ 1488989 w 2168610"/>
              <a:gd name="connsiteY43" fmla="*/ 1774157 h 2039827"/>
              <a:gd name="connsiteX44" fmla="*/ 1538416 w 2168610"/>
              <a:gd name="connsiteY44" fmla="*/ 1743265 h 2039827"/>
              <a:gd name="connsiteX45" fmla="*/ 1544594 w 2168610"/>
              <a:gd name="connsiteY45" fmla="*/ 1730908 h 2039827"/>
              <a:gd name="connsiteX46" fmla="*/ 1550773 w 2168610"/>
              <a:gd name="connsiteY46" fmla="*/ 1700016 h 2039827"/>
              <a:gd name="connsiteX47" fmla="*/ 1526059 w 2168610"/>
              <a:gd name="connsiteY47" fmla="*/ 1669124 h 2039827"/>
              <a:gd name="connsiteX48" fmla="*/ 1550773 w 2168610"/>
              <a:gd name="connsiteY48" fmla="*/ 1669124 h 2039827"/>
              <a:gd name="connsiteX49" fmla="*/ 1575486 w 2168610"/>
              <a:gd name="connsiteY49" fmla="*/ 1650589 h 2039827"/>
              <a:gd name="connsiteX50" fmla="*/ 1550773 w 2168610"/>
              <a:gd name="connsiteY50" fmla="*/ 1594984 h 2039827"/>
              <a:gd name="connsiteX51" fmla="*/ 1550773 w 2168610"/>
              <a:gd name="connsiteY51" fmla="*/ 1594984 h 2039827"/>
              <a:gd name="connsiteX52" fmla="*/ 1618735 w 2168610"/>
              <a:gd name="connsiteY52" fmla="*/ 1594984 h 2039827"/>
              <a:gd name="connsiteX53" fmla="*/ 1631092 w 2168610"/>
              <a:gd name="connsiteY53" fmla="*/ 1582627 h 2039827"/>
              <a:gd name="connsiteX54" fmla="*/ 1649627 w 2168610"/>
              <a:gd name="connsiteY54" fmla="*/ 1533200 h 2039827"/>
              <a:gd name="connsiteX55" fmla="*/ 1686697 w 2168610"/>
              <a:gd name="connsiteY55" fmla="*/ 1533200 h 2039827"/>
              <a:gd name="connsiteX56" fmla="*/ 1705232 w 2168610"/>
              <a:gd name="connsiteY56" fmla="*/ 1533200 h 2039827"/>
              <a:gd name="connsiteX57" fmla="*/ 1705232 w 2168610"/>
              <a:gd name="connsiteY57" fmla="*/ 1502308 h 2039827"/>
              <a:gd name="connsiteX58" fmla="*/ 1699054 w 2168610"/>
              <a:gd name="connsiteY58" fmla="*/ 1483773 h 2039827"/>
              <a:gd name="connsiteX59" fmla="*/ 1699054 w 2168610"/>
              <a:gd name="connsiteY59" fmla="*/ 1483773 h 2039827"/>
              <a:gd name="connsiteX60" fmla="*/ 1773194 w 2168610"/>
              <a:gd name="connsiteY60" fmla="*/ 1489951 h 2039827"/>
              <a:gd name="connsiteX61" fmla="*/ 1834978 w 2168610"/>
              <a:gd name="connsiteY61" fmla="*/ 1477595 h 2039827"/>
              <a:gd name="connsiteX62" fmla="*/ 1896762 w 2168610"/>
              <a:gd name="connsiteY62" fmla="*/ 1421989 h 2039827"/>
              <a:gd name="connsiteX63" fmla="*/ 1896762 w 2168610"/>
              <a:gd name="connsiteY63" fmla="*/ 1378740 h 2039827"/>
              <a:gd name="connsiteX64" fmla="*/ 1946189 w 2168610"/>
              <a:gd name="connsiteY64" fmla="*/ 1347849 h 2039827"/>
              <a:gd name="connsiteX65" fmla="*/ 1940010 w 2168610"/>
              <a:gd name="connsiteY65" fmla="*/ 1286065 h 2039827"/>
              <a:gd name="connsiteX66" fmla="*/ 1983259 w 2168610"/>
              <a:gd name="connsiteY66" fmla="*/ 1267530 h 2039827"/>
              <a:gd name="connsiteX67" fmla="*/ 2007973 w 2168610"/>
              <a:gd name="connsiteY67" fmla="*/ 1329313 h 2039827"/>
              <a:gd name="connsiteX68" fmla="*/ 2143897 w 2168610"/>
              <a:gd name="connsiteY68" fmla="*/ 1255173 h 2039827"/>
              <a:gd name="connsiteX69" fmla="*/ 2156254 w 2168610"/>
              <a:gd name="connsiteY69" fmla="*/ 1168676 h 2039827"/>
              <a:gd name="connsiteX70" fmla="*/ 2143897 w 2168610"/>
              <a:gd name="connsiteY70" fmla="*/ 1131605 h 2039827"/>
              <a:gd name="connsiteX71" fmla="*/ 2137719 w 2168610"/>
              <a:gd name="connsiteY71" fmla="*/ 1094535 h 2039827"/>
              <a:gd name="connsiteX72" fmla="*/ 2150075 w 2168610"/>
              <a:gd name="connsiteY72" fmla="*/ 1051286 h 2039827"/>
              <a:gd name="connsiteX73" fmla="*/ 2168610 w 2168610"/>
              <a:gd name="connsiteY73" fmla="*/ 1014216 h 2039827"/>
              <a:gd name="connsiteX74" fmla="*/ 2131540 w 2168610"/>
              <a:gd name="connsiteY74" fmla="*/ 903005 h 2039827"/>
              <a:gd name="connsiteX75" fmla="*/ 2100648 w 2168610"/>
              <a:gd name="connsiteY75" fmla="*/ 872113 h 2039827"/>
              <a:gd name="connsiteX76" fmla="*/ 2075935 w 2168610"/>
              <a:gd name="connsiteY76" fmla="*/ 791795 h 2039827"/>
              <a:gd name="connsiteX77" fmla="*/ 2063578 w 2168610"/>
              <a:gd name="connsiteY77" fmla="*/ 618800 h 2039827"/>
              <a:gd name="connsiteX78" fmla="*/ 2051221 w 2168610"/>
              <a:gd name="connsiteY78" fmla="*/ 519946 h 2039827"/>
              <a:gd name="connsiteX79" fmla="*/ 2032686 w 2168610"/>
              <a:gd name="connsiteY79" fmla="*/ 501411 h 2039827"/>
              <a:gd name="connsiteX80" fmla="*/ 1983259 w 2168610"/>
              <a:gd name="connsiteY80" fmla="*/ 526124 h 2039827"/>
              <a:gd name="connsiteX81" fmla="*/ 1872048 w 2168610"/>
              <a:gd name="connsiteY81" fmla="*/ 470519 h 2039827"/>
              <a:gd name="connsiteX82" fmla="*/ 1834978 w 2168610"/>
              <a:gd name="connsiteY82" fmla="*/ 470519 h 2039827"/>
              <a:gd name="connsiteX83" fmla="*/ 1767016 w 2168610"/>
              <a:gd name="connsiteY83" fmla="*/ 464340 h 2039827"/>
              <a:gd name="connsiteX84" fmla="*/ 1692875 w 2168610"/>
              <a:gd name="connsiteY84" fmla="*/ 519946 h 2039827"/>
              <a:gd name="connsiteX85" fmla="*/ 1631092 w 2168610"/>
              <a:gd name="connsiteY85" fmla="*/ 489054 h 2039827"/>
              <a:gd name="connsiteX86" fmla="*/ 1594021 w 2168610"/>
              <a:gd name="connsiteY86" fmla="*/ 501411 h 2039827"/>
              <a:gd name="connsiteX87" fmla="*/ 1594083 w 2168610"/>
              <a:gd name="connsiteY87" fmla="*/ 489288 h 2039827"/>
              <a:gd name="connsiteX88" fmla="*/ 1519881 w 2168610"/>
              <a:gd name="connsiteY88" fmla="*/ 495232 h 2039827"/>
              <a:gd name="connsiteX89" fmla="*/ 1488989 w 2168610"/>
              <a:gd name="connsiteY89" fmla="*/ 470519 h 2039827"/>
              <a:gd name="connsiteX90" fmla="*/ 1439562 w 2168610"/>
              <a:gd name="connsiteY90" fmla="*/ 489054 h 2039827"/>
              <a:gd name="connsiteX91" fmla="*/ 1362643 w 2168610"/>
              <a:gd name="connsiteY91" fmla="*/ 433707 h 2039827"/>
              <a:gd name="connsiteX92" fmla="*/ 1291281 w 2168610"/>
              <a:gd name="connsiteY92" fmla="*/ 451984 h 2039827"/>
              <a:gd name="connsiteX93" fmla="*/ 1260389 w 2168610"/>
              <a:gd name="connsiteY93" fmla="*/ 439627 h 2039827"/>
              <a:gd name="connsiteX94" fmla="*/ 1235675 w 2168610"/>
              <a:gd name="connsiteY94" fmla="*/ 439627 h 2039827"/>
              <a:gd name="connsiteX95" fmla="*/ 1210962 w 2168610"/>
              <a:gd name="connsiteY95" fmla="*/ 396378 h 2039827"/>
              <a:gd name="connsiteX96" fmla="*/ 1144010 w 2168610"/>
              <a:gd name="connsiteY96" fmla="*/ 390478 h 2039827"/>
              <a:gd name="connsiteX97" fmla="*/ 1105929 w 2168610"/>
              <a:gd name="connsiteY97" fmla="*/ 371665 h 2039827"/>
              <a:gd name="connsiteX98" fmla="*/ 1087394 w 2168610"/>
              <a:gd name="connsiteY98" fmla="*/ 371665 h 2039827"/>
              <a:gd name="connsiteX99" fmla="*/ 1075037 w 2168610"/>
              <a:gd name="connsiteY99" fmla="*/ 359308 h 2039827"/>
              <a:gd name="connsiteX100" fmla="*/ 1062681 w 2168610"/>
              <a:gd name="connsiteY100" fmla="*/ 353130 h 2039827"/>
              <a:gd name="connsiteX101" fmla="*/ 1068450 w 2168610"/>
              <a:gd name="connsiteY101" fmla="*/ 10936 h 2039827"/>
              <a:gd name="connsiteX102" fmla="*/ 598898 w 2168610"/>
              <a:gd name="connsiteY102" fmla="*/ 0 h 2039827"/>
              <a:gd name="connsiteX0" fmla="*/ 598898 w 2168610"/>
              <a:gd name="connsiteY0" fmla="*/ 0 h 2039827"/>
              <a:gd name="connsiteX1" fmla="*/ 580767 w 2168610"/>
              <a:gd name="connsiteY1" fmla="*/ 872113 h 2039827"/>
              <a:gd name="connsiteX2" fmla="*/ 6178 w 2168610"/>
              <a:gd name="connsiteY2" fmla="*/ 853578 h 2039827"/>
              <a:gd name="connsiteX3" fmla="*/ 0 w 2168610"/>
              <a:gd name="connsiteY3" fmla="*/ 890649 h 2039827"/>
              <a:gd name="connsiteX4" fmla="*/ 49427 w 2168610"/>
              <a:gd name="connsiteY4" fmla="*/ 921540 h 2039827"/>
              <a:gd name="connsiteX5" fmla="*/ 105032 w 2168610"/>
              <a:gd name="connsiteY5" fmla="*/ 989503 h 2039827"/>
              <a:gd name="connsiteX6" fmla="*/ 154459 w 2168610"/>
              <a:gd name="connsiteY6" fmla="*/ 1063643 h 2039827"/>
              <a:gd name="connsiteX7" fmla="*/ 203886 w 2168610"/>
              <a:gd name="connsiteY7" fmla="*/ 1076000 h 2039827"/>
              <a:gd name="connsiteX8" fmla="*/ 240956 w 2168610"/>
              <a:gd name="connsiteY8" fmla="*/ 1125427 h 2039827"/>
              <a:gd name="connsiteX9" fmla="*/ 271848 w 2168610"/>
              <a:gd name="connsiteY9" fmla="*/ 1174854 h 2039827"/>
              <a:gd name="connsiteX10" fmla="*/ 296562 w 2168610"/>
              <a:gd name="connsiteY10" fmla="*/ 1230459 h 2039827"/>
              <a:gd name="connsiteX11" fmla="*/ 308919 w 2168610"/>
              <a:gd name="connsiteY11" fmla="*/ 1304600 h 2039827"/>
              <a:gd name="connsiteX12" fmla="*/ 327454 w 2168610"/>
              <a:gd name="connsiteY12" fmla="*/ 1329313 h 2039827"/>
              <a:gd name="connsiteX13" fmla="*/ 432486 w 2168610"/>
              <a:gd name="connsiteY13" fmla="*/ 1409632 h 2039827"/>
              <a:gd name="connsiteX14" fmla="*/ 438665 w 2168610"/>
              <a:gd name="connsiteY14" fmla="*/ 1384919 h 2039827"/>
              <a:gd name="connsiteX15" fmla="*/ 574589 w 2168610"/>
              <a:gd name="connsiteY15" fmla="*/ 1452881 h 2039827"/>
              <a:gd name="connsiteX16" fmla="*/ 574589 w 2168610"/>
              <a:gd name="connsiteY16" fmla="*/ 1452881 h 2039827"/>
              <a:gd name="connsiteX17" fmla="*/ 605481 w 2168610"/>
              <a:gd name="connsiteY17" fmla="*/ 1397276 h 2039827"/>
              <a:gd name="connsiteX18" fmla="*/ 661086 w 2168610"/>
              <a:gd name="connsiteY18" fmla="*/ 1329313 h 2039827"/>
              <a:gd name="connsiteX19" fmla="*/ 729048 w 2168610"/>
              <a:gd name="connsiteY19" fmla="*/ 1310778 h 2039827"/>
              <a:gd name="connsiteX20" fmla="*/ 821724 w 2168610"/>
              <a:gd name="connsiteY20" fmla="*/ 1323135 h 2039827"/>
              <a:gd name="connsiteX21" fmla="*/ 902043 w 2168610"/>
              <a:gd name="connsiteY21" fmla="*/ 1384919 h 2039827"/>
              <a:gd name="connsiteX22" fmla="*/ 957648 w 2168610"/>
              <a:gd name="connsiteY22" fmla="*/ 1465238 h 2039827"/>
              <a:gd name="connsiteX23" fmla="*/ 1013254 w 2168610"/>
              <a:gd name="connsiteY23" fmla="*/ 1545557 h 2039827"/>
              <a:gd name="connsiteX24" fmla="*/ 1062681 w 2168610"/>
              <a:gd name="connsiteY24" fmla="*/ 1632054 h 2039827"/>
              <a:gd name="connsiteX25" fmla="*/ 1118286 w 2168610"/>
              <a:gd name="connsiteY25" fmla="*/ 1700016 h 2039827"/>
              <a:gd name="connsiteX26" fmla="*/ 1167713 w 2168610"/>
              <a:gd name="connsiteY26" fmla="*/ 1737086 h 2039827"/>
              <a:gd name="connsiteX27" fmla="*/ 1198605 w 2168610"/>
              <a:gd name="connsiteY27" fmla="*/ 1817405 h 2039827"/>
              <a:gd name="connsiteX28" fmla="*/ 1223319 w 2168610"/>
              <a:gd name="connsiteY28" fmla="*/ 1879189 h 2039827"/>
              <a:gd name="connsiteX29" fmla="*/ 1248032 w 2168610"/>
              <a:gd name="connsiteY29" fmla="*/ 1940973 h 2039827"/>
              <a:gd name="connsiteX30" fmla="*/ 1278924 w 2168610"/>
              <a:gd name="connsiteY30" fmla="*/ 1984222 h 2039827"/>
              <a:gd name="connsiteX31" fmla="*/ 1340708 w 2168610"/>
              <a:gd name="connsiteY31" fmla="*/ 2008935 h 2039827"/>
              <a:gd name="connsiteX32" fmla="*/ 1439562 w 2168610"/>
              <a:gd name="connsiteY32" fmla="*/ 2027470 h 2039827"/>
              <a:gd name="connsiteX33" fmla="*/ 1513702 w 2168610"/>
              <a:gd name="connsiteY33" fmla="*/ 2039827 h 2039827"/>
              <a:gd name="connsiteX34" fmla="*/ 1606378 w 2168610"/>
              <a:gd name="connsiteY34" fmla="*/ 2039827 h 2039827"/>
              <a:gd name="connsiteX35" fmla="*/ 1587843 w 2168610"/>
              <a:gd name="connsiteY35" fmla="*/ 2027470 h 2039827"/>
              <a:gd name="connsiteX36" fmla="*/ 1587843 w 2168610"/>
              <a:gd name="connsiteY36" fmla="*/ 2027470 h 2039827"/>
              <a:gd name="connsiteX37" fmla="*/ 1575486 w 2168610"/>
              <a:gd name="connsiteY37" fmla="*/ 1959508 h 2039827"/>
              <a:gd name="connsiteX38" fmla="*/ 1550773 w 2168610"/>
              <a:gd name="connsiteY38" fmla="*/ 1928616 h 2039827"/>
              <a:gd name="connsiteX39" fmla="*/ 1544594 w 2168610"/>
              <a:gd name="connsiteY39" fmla="*/ 1891546 h 2039827"/>
              <a:gd name="connsiteX40" fmla="*/ 1526059 w 2168610"/>
              <a:gd name="connsiteY40" fmla="*/ 1848297 h 2039827"/>
              <a:gd name="connsiteX41" fmla="*/ 1538416 w 2168610"/>
              <a:gd name="connsiteY41" fmla="*/ 1817405 h 2039827"/>
              <a:gd name="connsiteX42" fmla="*/ 1532237 w 2168610"/>
              <a:gd name="connsiteY42" fmla="*/ 1798870 h 2039827"/>
              <a:gd name="connsiteX43" fmla="*/ 1488989 w 2168610"/>
              <a:gd name="connsiteY43" fmla="*/ 1774157 h 2039827"/>
              <a:gd name="connsiteX44" fmla="*/ 1538416 w 2168610"/>
              <a:gd name="connsiteY44" fmla="*/ 1743265 h 2039827"/>
              <a:gd name="connsiteX45" fmla="*/ 1544594 w 2168610"/>
              <a:gd name="connsiteY45" fmla="*/ 1730908 h 2039827"/>
              <a:gd name="connsiteX46" fmla="*/ 1550773 w 2168610"/>
              <a:gd name="connsiteY46" fmla="*/ 1700016 h 2039827"/>
              <a:gd name="connsiteX47" fmla="*/ 1526059 w 2168610"/>
              <a:gd name="connsiteY47" fmla="*/ 1669124 h 2039827"/>
              <a:gd name="connsiteX48" fmla="*/ 1550773 w 2168610"/>
              <a:gd name="connsiteY48" fmla="*/ 1669124 h 2039827"/>
              <a:gd name="connsiteX49" fmla="*/ 1575486 w 2168610"/>
              <a:gd name="connsiteY49" fmla="*/ 1650589 h 2039827"/>
              <a:gd name="connsiteX50" fmla="*/ 1550773 w 2168610"/>
              <a:gd name="connsiteY50" fmla="*/ 1594984 h 2039827"/>
              <a:gd name="connsiteX51" fmla="*/ 1550773 w 2168610"/>
              <a:gd name="connsiteY51" fmla="*/ 1594984 h 2039827"/>
              <a:gd name="connsiteX52" fmla="*/ 1618735 w 2168610"/>
              <a:gd name="connsiteY52" fmla="*/ 1594984 h 2039827"/>
              <a:gd name="connsiteX53" fmla="*/ 1631092 w 2168610"/>
              <a:gd name="connsiteY53" fmla="*/ 1582627 h 2039827"/>
              <a:gd name="connsiteX54" fmla="*/ 1649627 w 2168610"/>
              <a:gd name="connsiteY54" fmla="*/ 1533200 h 2039827"/>
              <a:gd name="connsiteX55" fmla="*/ 1686697 w 2168610"/>
              <a:gd name="connsiteY55" fmla="*/ 1533200 h 2039827"/>
              <a:gd name="connsiteX56" fmla="*/ 1705232 w 2168610"/>
              <a:gd name="connsiteY56" fmla="*/ 1533200 h 2039827"/>
              <a:gd name="connsiteX57" fmla="*/ 1705232 w 2168610"/>
              <a:gd name="connsiteY57" fmla="*/ 1502308 h 2039827"/>
              <a:gd name="connsiteX58" fmla="*/ 1699054 w 2168610"/>
              <a:gd name="connsiteY58" fmla="*/ 1483773 h 2039827"/>
              <a:gd name="connsiteX59" fmla="*/ 1699054 w 2168610"/>
              <a:gd name="connsiteY59" fmla="*/ 1483773 h 2039827"/>
              <a:gd name="connsiteX60" fmla="*/ 1773194 w 2168610"/>
              <a:gd name="connsiteY60" fmla="*/ 1489951 h 2039827"/>
              <a:gd name="connsiteX61" fmla="*/ 1834978 w 2168610"/>
              <a:gd name="connsiteY61" fmla="*/ 1477595 h 2039827"/>
              <a:gd name="connsiteX62" fmla="*/ 1896762 w 2168610"/>
              <a:gd name="connsiteY62" fmla="*/ 1421989 h 2039827"/>
              <a:gd name="connsiteX63" fmla="*/ 1896762 w 2168610"/>
              <a:gd name="connsiteY63" fmla="*/ 1378740 h 2039827"/>
              <a:gd name="connsiteX64" fmla="*/ 1946189 w 2168610"/>
              <a:gd name="connsiteY64" fmla="*/ 1347849 h 2039827"/>
              <a:gd name="connsiteX65" fmla="*/ 1940010 w 2168610"/>
              <a:gd name="connsiteY65" fmla="*/ 1286065 h 2039827"/>
              <a:gd name="connsiteX66" fmla="*/ 1983259 w 2168610"/>
              <a:gd name="connsiteY66" fmla="*/ 1267530 h 2039827"/>
              <a:gd name="connsiteX67" fmla="*/ 2007973 w 2168610"/>
              <a:gd name="connsiteY67" fmla="*/ 1329313 h 2039827"/>
              <a:gd name="connsiteX68" fmla="*/ 2143897 w 2168610"/>
              <a:gd name="connsiteY68" fmla="*/ 1255173 h 2039827"/>
              <a:gd name="connsiteX69" fmla="*/ 2156254 w 2168610"/>
              <a:gd name="connsiteY69" fmla="*/ 1168676 h 2039827"/>
              <a:gd name="connsiteX70" fmla="*/ 2143897 w 2168610"/>
              <a:gd name="connsiteY70" fmla="*/ 1131605 h 2039827"/>
              <a:gd name="connsiteX71" fmla="*/ 2137719 w 2168610"/>
              <a:gd name="connsiteY71" fmla="*/ 1094535 h 2039827"/>
              <a:gd name="connsiteX72" fmla="*/ 2150075 w 2168610"/>
              <a:gd name="connsiteY72" fmla="*/ 1051286 h 2039827"/>
              <a:gd name="connsiteX73" fmla="*/ 2168610 w 2168610"/>
              <a:gd name="connsiteY73" fmla="*/ 1014216 h 2039827"/>
              <a:gd name="connsiteX74" fmla="*/ 2131540 w 2168610"/>
              <a:gd name="connsiteY74" fmla="*/ 903005 h 2039827"/>
              <a:gd name="connsiteX75" fmla="*/ 2100648 w 2168610"/>
              <a:gd name="connsiteY75" fmla="*/ 872113 h 2039827"/>
              <a:gd name="connsiteX76" fmla="*/ 2075935 w 2168610"/>
              <a:gd name="connsiteY76" fmla="*/ 791795 h 2039827"/>
              <a:gd name="connsiteX77" fmla="*/ 2063578 w 2168610"/>
              <a:gd name="connsiteY77" fmla="*/ 618800 h 2039827"/>
              <a:gd name="connsiteX78" fmla="*/ 2051221 w 2168610"/>
              <a:gd name="connsiteY78" fmla="*/ 519946 h 2039827"/>
              <a:gd name="connsiteX79" fmla="*/ 2032686 w 2168610"/>
              <a:gd name="connsiteY79" fmla="*/ 501411 h 2039827"/>
              <a:gd name="connsiteX80" fmla="*/ 1983259 w 2168610"/>
              <a:gd name="connsiteY80" fmla="*/ 526124 h 2039827"/>
              <a:gd name="connsiteX81" fmla="*/ 1872048 w 2168610"/>
              <a:gd name="connsiteY81" fmla="*/ 470519 h 2039827"/>
              <a:gd name="connsiteX82" fmla="*/ 1834978 w 2168610"/>
              <a:gd name="connsiteY82" fmla="*/ 470519 h 2039827"/>
              <a:gd name="connsiteX83" fmla="*/ 1767016 w 2168610"/>
              <a:gd name="connsiteY83" fmla="*/ 464340 h 2039827"/>
              <a:gd name="connsiteX84" fmla="*/ 1692875 w 2168610"/>
              <a:gd name="connsiteY84" fmla="*/ 519946 h 2039827"/>
              <a:gd name="connsiteX85" fmla="*/ 1631092 w 2168610"/>
              <a:gd name="connsiteY85" fmla="*/ 489054 h 2039827"/>
              <a:gd name="connsiteX86" fmla="*/ 1594021 w 2168610"/>
              <a:gd name="connsiteY86" fmla="*/ 501411 h 2039827"/>
              <a:gd name="connsiteX87" fmla="*/ 1594083 w 2168610"/>
              <a:gd name="connsiteY87" fmla="*/ 489288 h 2039827"/>
              <a:gd name="connsiteX88" fmla="*/ 1519881 w 2168610"/>
              <a:gd name="connsiteY88" fmla="*/ 495232 h 2039827"/>
              <a:gd name="connsiteX89" fmla="*/ 1488989 w 2168610"/>
              <a:gd name="connsiteY89" fmla="*/ 470519 h 2039827"/>
              <a:gd name="connsiteX90" fmla="*/ 1439562 w 2168610"/>
              <a:gd name="connsiteY90" fmla="*/ 489054 h 2039827"/>
              <a:gd name="connsiteX91" fmla="*/ 1362643 w 2168610"/>
              <a:gd name="connsiteY91" fmla="*/ 433707 h 2039827"/>
              <a:gd name="connsiteX92" fmla="*/ 1291281 w 2168610"/>
              <a:gd name="connsiteY92" fmla="*/ 451984 h 2039827"/>
              <a:gd name="connsiteX93" fmla="*/ 1260389 w 2168610"/>
              <a:gd name="connsiteY93" fmla="*/ 439627 h 2039827"/>
              <a:gd name="connsiteX94" fmla="*/ 1240486 w 2168610"/>
              <a:gd name="connsiteY94" fmla="*/ 432292 h 2039827"/>
              <a:gd name="connsiteX95" fmla="*/ 1210962 w 2168610"/>
              <a:gd name="connsiteY95" fmla="*/ 396378 h 2039827"/>
              <a:gd name="connsiteX96" fmla="*/ 1144010 w 2168610"/>
              <a:gd name="connsiteY96" fmla="*/ 390478 h 2039827"/>
              <a:gd name="connsiteX97" fmla="*/ 1105929 w 2168610"/>
              <a:gd name="connsiteY97" fmla="*/ 371665 h 2039827"/>
              <a:gd name="connsiteX98" fmla="*/ 1087394 w 2168610"/>
              <a:gd name="connsiteY98" fmla="*/ 371665 h 2039827"/>
              <a:gd name="connsiteX99" fmla="*/ 1075037 w 2168610"/>
              <a:gd name="connsiteY99" fmla="*/ 359308 h 2039827"/>
              <a:gd name="connsiteX100" fmla="*/ 1062681 w 2168610"/>
              <a:gd name="connsiteY100" fmla="*/ 353130 h 2039827"/>
              <a:gd name="connsiteX101" fmla="*/ 1068450 w 2168610"/>
              <a:gd name="connsiteY101" fmla="*/ 10936 h 2039827"/>
              <a:gd name="connsiteX102" fmla="*/ 598898 w 2168610"/>
              <a:gd name="connsiteY102" fmla="*/ 0 h 2039827"/>
              <a:gd name="connsiteX0" fmla="*/ 602245 w 2171957"/>
              <a:gd name="connsiteY0" fmla="*/ 0 h 2039827"/>
              <a:gd name="connsiteX1" fmla="*/ 584114 w 2171957"/>
              <a:gd name="connsiteY1" fmla="*/ 872113 h 2039827"/>
              <a:gd name="connsiteX2" fmla="*/ 0 w 2171957"/>
              <a:gd name="connsiteY2" fmla="*/ 841299 h 2039827"/>
              <a:gd name="connsiteX3" fmla="*/ 3347 w 2171957"/>
              <a:gd name="connsiteY3" fmla="*/ 890649 h 2039827"/>
              <a:gd name="connsiteX4" fmla="*/ 52774 w 2171957"/>
              <a:gd name="connsiteY4" fmla="*/ 921540 h 2039827"/>
              <a:gd name="connsiteX5" fmla="*/ 108379 w 2171957"/>
              <a:gd name="connsiteY5" fmla="*/ 989503 h 2039827"/>
              <a:gd name="connsiteX6" fmla="*/ 157806 w 2171957"/>
              <a:gd name="connsiteY6" fmla="*/ 1063643 h 2039827"/>
              <a:gd name="connsiteX7" fmla="*/ 207233 w 2171957"/>
              <a:gd name="connsiteY7" fmla="*/ 1076000 h 2039827"/>
              <a:gd name="connsiteX8" fmla="*/ 244303 w 2171957"/>
              <a:gd name="connsiteY8" fmla="*/ 1125427 h 2039827"/>
              <a:gd name="connsiteX9" fmla="*/ 275195 w 2171957"/>
              <a:gd name="connsiteY9" fmla="*/ 1174854 h 2039827"/>
              <a:gd name="connsiteX10" fmla="*/ 299909 w 2171957"/>
              <a:gd name="connsiteY10" fmla="*/ 1230459 h 2039827"/>
              <a:gd name="connsiteX11" fmla="*/ 312266 w 2171957"/>
              <a:gd name="connsiteY11" fmla="*/ 1304600 h 2039827"/>
              <a:gd name="connsiteX12" fmla="*/ 330801 w 2171957"/>
              <a:gd name="connsiteY12" fmla="*/ 1329313 h 2039827"/>
              <a:gd name="connsiteX13" fmla="*/ 435833 w 2171957"/>
              <a:gd name="connsiteY13" fmla="*/ 1409632 h 2039827"/>
              <a:gd name="connsiteX14" fmla="*/ 442012 w 2171957"/>
              <a:gd name="connsiteY14" fmla="*/ 1384919 h 2039827"/>
              <a:gd name="connsiteX15" fmla="*/ 577936 w 2171957"/>
              <a:gd name="connsiteY15" fmla="*/ 1452881 h 2039827"/>
              <a:gd name="connsiteX16" fmla="*/ 577936 w 2171957"/>
              <a:gd name="connsiteY16" fmla="*/ 1452881 h 2039827"/>
              <a:gd name="connsiteX17" fmla="*/ 608828 w 2171957"/>
              <a:gd name="connsiteY17" fmla="*/ 1397276 h 2039827"/>
              <a:gd name="connsiteX18" fmla="*/ 664433 w 2171957"/>
              <a:gd name="connsiteY18" fmla="*/ 1329313 h 2039827"/>
              <a:gd name="connsiteX19" fmla="*/ 732395 w 2171957"/>
              <a:gd name="connsiteY19" fmla="*/ 1310778 h 2039827"/>
              <a:gd name="connsiteX20" fmla="*/ 825071 w 2171957"/>
              <a:gd name="connsiteY20" fmla="*/ 1323135 h 2039827"/>
              <a:gd name="connsiteX21" fmla="*/ 905390 w 2171957"/>
              <a:gd name="connsiteY21" fmla="*/ 1384919 h 2039827"/>
              <a:gd name="connsiteX22" fmla="*/ 960995 w 2171957"/>
              <a:gd name="connsiteY22" fmla="*/ 1465238 h 2039827"/>
              <a:gd name="connsiteX23" fmla="*/ 1016601 w 2171957"/>
              <a:gd name="connsiteY23" fmla="*/ 1545557 h 2039827"/>
              <a:gd name="connsiteX24" fmla="*/ 1066028 w 2171957"/>
              <a:gd name="connsiteY24" fmla="*/ 1632054 h 2039827"/>
              <a:gd name="connsiteX25" fmla="*/ 1121633 w 2171957"/>
              <a:gd name="connsiteY25" fmla="*/ 1700016 h 2039827"/>
              <a:gd name="connsiteX26" fmla="*/ 1171060 w 2171957"/>
              <a:gd name="connsiteY26" fmla="*/ 1737086 h 2039827"/>
              <a:gd name="connsiteX27" fmla="*/ 1201952 w 2171957"/>
              <a:gd name="connsiteY27" fmla="*/ 1817405 h 2039827"/>
              <a:gd name="connsiteX28" fmla="*/ 1226666 w 2171957"/>
              <a:gd name="connsiteY28" fmla="*/ 1879189 h 2039827"/>
              <a:gd name="connsiteX29" fmla="*/ 1251379 w 2171957"/>
              <a:gd name="connsiteY29" fmla="*/ 1940973 h 2039827"/>
              <a:gd name="connsiteX30" fmla="*/ 1282271 w 2171957"/>
              <a:gd name="connsiteY30" fmla="*/ 1984222 h 2039827"/>
              <a:gd name="connsiteX31" fmla="*/ 1344055 w 2171957"/>
              <a:gd name="connsiteY31" fmla="*/ 2008935 h 2039827"/>
              <a:gd name="connsiteX32" fmla="*/ 1442909 w 2171957"/>
              <a:gd name="connsiteY32" fmla="*/ 2027470 h 2039827"/>
              <a:gd name="connsiteX33" fmla="*/ 1517049 w 2171957"/>
              <a:gd name="connsiteY33" fmla="*/ 2039827 h 2039827"/>
              <a:gd name="connsiteX34" fmla="*/ 1609725 w 2171957"/>
              <a:gd name="connsiteY34" fmla="*/ 2039827 h 2039827"/>
              <a:gd name="connsiteX35" fmla="*/ 1591190 w 2171957"/>
              <a:gd name="connsiteY35" fmla="*/ 2027470 h 2039827"/>
              <a:gd name="connsiteX36" fmla="*/ 1591190 w 2171957"/>
              <a:gd name="connsiteY36" fmla="*/ 2027470 h 2039827"/>
              <a:gd name="connsiteX37" fmla="*/ 1578833 w 2171957"/>
              <a:gd name="connsiteY37" fmla="*/ 1959508 h 2039827"/>
              <a:gd name="connsiteX38" fmla="*/ 1554120 w 2171957"/>
              <a:gd name="connsiteY38" fmla="*/ 1928616 h 2039827"/>
              <a:gd name="connsiteX39" fmla="*/ 1547941 w 2171957"/>
              <a:gd name="connsiteY39" fmla="*/ 1891546 h 2039827"/>
              <a:gd name="connsiteX40" fmla="*/ 1529406 w 2171957"/>
              <a:gd name="connsiteY40" fmla="*/ 1848297 h 2039827"/>
              <a:gd name="connsiteX41" fmla="*/ 1541763 w 2171957"/>
              <a:gd name="connsiteY41" fmla="*/ 1817405 h 2039827"/>
              <a:gd name="connsiteX42" fmla="*/ 1535584 w 2171957"/>
              <a:gd name="connsiteY42" fmla="*/ 1798870 h 2039827"/>
              <a:gd name="connsiteX43" fmla="*/ 1492336 w 2171957"/>
              <a:gd name="connsiteY43" fmla="*/ 1774157 h 2039827"/>
              <a:gd name="connsiteX44" fmla="*/ 1541763 w 2171957"/>
              <a:gd name="connsiteY44" fmla="*/ 1743265 h 2039827"/>
              <a:gd name="connsiteX45" fmla="*/ 1547941 w 2171957"/>
              <a:gd name="connsiteY45" fmla="*/ 1730908 h 2039827"/>
              <a:gd name="connsiteX46" fmla="*/ 1554120 w 2171957"/>
              <a:gd name="connsiteY46" fmla="*/ 1700016 h 2039827"/>
              <a:gd name="connsiteX47" fmla="*/ 1529406 w 2171957"/>
              <a:gd name="connsiteY47" fmla="*/ 1669124 h 2039827"/>
              <a:gd name="connsiteX48" fmla="*/ 1554120 w 2171957"/>
              <a:gd name="connsiteY48" fmla="*/ 1669124 h 2039827"/>
              <a:gd name="connsiteX49" fmla="*/ 1578833 w 2171957"/>
              <a:gd name="connsiteY49" fmla="*/ 1650589 h 2039827"/>
              <a:gd name="connsiteX50" fmla="*/ 1554120 w 2171957"/>
              <a:gd name="connsiteY50" fmla="*/ 1594984 h 2039827"/>
              <a:gd name="connsiteX51" fmla="*/ 1554120 w 2171957"/>
              <a:gd name="connsiteY51" fmla="*/ 1594984 h 2039827"/>
              <a:gd name="connsiteX52" fmla="*/ 1622082 w 2171957"/>
              <a:gd name="connsiteY52" fmla="*/ 1594984 h 2039827"/>
              <a:gd name="connsiteX53" fmla="*/ 1634439 w 2171957"/>
              <a:gd name="connsiteY53" fmla="*/ 1582627 h 2039827"/>
              <a:gd name="connsiteX54" fmla="*/ 1652974 w 2171957"/>
              <a:gd name="connsiteY54" fmla="*/ 1533200 h 2039827"/>
              <a:gd name="connsiteX55" fmla="*/ 1690044 w 2171957"/>
              <a:gd name="connsiteY55" fmla="*/ 1533200 h 2039827"/>
              <a:gd name="connsiteX56" fmla="*/ 1708579 w 2171957"/>
              <a:gd name="connsiteY56" fmla="*/ 1533200 h 2039827"/>
              <a:gd name="connsiteX57" fmla="*/ 1708579 w 2171957"/>
              <a:gd name="connsiteY57" fmla="*/ 1502308 h 2039827"/>
              <a:gd name="connsiteX58" fmla="*/ 1702401 w 2171957"/>
              <a:gd name="connsiteY58" fmla="*/ 1483773 h 2039827"/>
              <a:gd name="connsiteX59" fmla="*/ 1702401 w 2171957"/>
              <a:gd name="connsiteY59" fmla="*/ 1483773 h 2039827"/>
              <a:gd name="connsiteX60" fmla="*/ 1776541 w 2171957"/>
              <a:gd name="connsiteY60" fmla="*/ 1489951 h 2039827"/>
              <a:gd name="connsiteX61" fmla="*/ 1838325 w 2171957"/>
              <a:gd name="connsiteY61" fmla="*/ 1477595 h 2039827"/>
              <a:gd name="connsiteX62" fmla="*/ 1900109 w 2171957"/>
              <a:gd name="connsiteY62" fmla="*/ 1421989 h 2039827"/>
              <a:gd name="connsiteX63" fmla="*/ 1900109 w 2171957"/>
              <a:gd name="connsiteY63" fmla="*/ 1378740 h 2039827"/>
              <a:gd name="connsiteX64" fmla="*/ 1949536 w 2171957"/>
              <a:gd name="connsiteY64" fmla="*/ 1347849 h 2039827"/>
              <a:gd name="connsiteX65" fmla="*/ 1943357 w 2171957"/>
              <a:gd name="connsiteY65" fmla="*/ 1286065 h 2039827"/>
              <a:gd name="connsiteX66" fmla="*/ 1986606 w 2171957"/>
              <a:gd name="connsiteY66" fmla="*/ 1267530 h 2039827"/>
              <a:gd name="connsiteX67" fmla="*/ 2011320 w 2171957"/>
              <a:gd name="connsiteY67" fmla="*/ 1329313 h 2039827"/>
              <a:gd name="connsiteX68" fmla="*/ 2147244 w 2171957"/>
              <a:gd name="connsiteY68" fmla="*/ 1255173 h 2039827"/>
              <a:gd name="connsiteX69" fmla="*/ 2159601 w 2171957"/>
              <a:gd name="connsiteY69" fmla="*/ 1168676 h 2039827"/>
              <a:gd name="connsiteX70" fmla="*/ 2147244 w 2171957"/>
              <a:gd name="connsiteY70" fmla="*/ 1131605 h 2039827"/>
              <a:gd name="connsiteX71" fmla="*/ 2141066 w 2171957"/>
              <a:gd name="connsiteY71" fmla="*/ 1094535 h 2039827"/>
              <a:gd name="connsiteX72" fmla="*/ 2153422 w 2171957"/>
              <a:gd name="connsiteY72" fmla="*/ 1051286 h 2039827"/>
              <a:gd name="connsiteX73" fmla="*/ 2171957 w 2171957"/>
              <a:gd name="connsiteY73" fmla="*/ 1014216 h 2039827"/>
              <a:gd name="connsiteX74" fmla="*/ 2134887 w 2171957"/>
              <a:gd name="connsiteY74" fmla="*/ 903005 h 2039827"/>
              <a:gd name="connsiteX75" fmla="*/ 2103995 w 2171957"/>
              <a:gd name="connsiteY75" fmla="*/ 872113 h 2039827"/>
              <a:gd name="connsiteX76" fmla="*/ 2079282 w 2171957"/>
              <a:gd name="connsiteY76" fmla="*/ 791795 h 2039827"/>
              <a:gd name="connsiteX77" fmla="*/ 2066925 w 2171957"/>
              <a:gd name="connsiteY77" fmla="*/ 618800 h 2039827"/>
              <a:gd name="connsiteX78" fmla="*/ 2054568 w 2171957"/>
              <a:gd name="connsiteY78" fmla="*/ 519946 h 2039827"/>
              <a:gd name="connsiteX79" fmla="*/ 2036033 w 2171957"/>
              <a:gd name="connsiteY79" fmla="*/ 501411 h 2039827"/>
              <a:gd name="connsiteX80" fmla="*/ 1986606 w 2171957"/>
              <a:gd name="connsiteY80" fmla="*/ 526124 h 2039827"/>
              <a:gd name="connsiteX81" fmla="*/ 1875395 w 2171957"/>
              <a:gd name="connsiteY81" fmla="*/ 470519 h 2039827"/>
              <a:gd name="connsiteX82" fmla="*/ 1838325 w 2171957"/>
              <a:gd name="connsiteY82" fmla="*/ 470519 h 2039827"/>
              <a:gd name="connsiteX83" fmla="*/ 1770363 w 2171957"/>
              <a:gd name="connsiteY83" fmla="*/ 464340 h 2039827"/>
              <a:gd name="connsiteX84" fmla="*/ 1696222 w 2171957"/>
              <a:gd name="connsiteY84" fmla="*/ 519946 h 2039827"/>
              <a:gd name="connsiteX85" fmla="*/ 1634439 w 2171957"/>
              <a:gd name="connsiteY85" fmla="*/ 489054 h 2039827"/>
              <a:gd name="connsiteX86" fmla="*/ 1597368 w 2171957"/>
              <a:gd name="connsiteY86" fmla="*/ 501411 h 2039827"/>
              <a:gd name="connsiteX87" fmla="*/ 1597430 w 2171957"/>
              <a:gd name="connsiteY87" fmla="*/ 489288 h 2039827"/>
              <a:gd name="connsiteX88" fmla="*/ 1523228 w 2171957"/>
              <a:gd name="connsiteY88" fmla="*/ 495232 h 2039827"/>
              <a:gd name="connsiteX89" fmla="*/ 1492336 w 2171957"/>
              <a:gd name="connsiteY89" fmla="*/ 470519 h 2039827"/>
              <a:gd name="connsiteX90" fmla="*/ 1442909 w 2171957"/>
              <a:gd name="connsiteY90" fmla="*/ 489054 h 2039827"/>
              <a:gd name="connsiteX91" fmla="*/ 1365990 w 2171957"/>
              <a:gd name="connsiteY91" fmla="*/ 433707 h 2039827"/>
              <a:gd name="connsiteX92" fmla="*/ 1294628 w 2171957"/>
              <a:gd name="connsiteY92" fmla="*/ 451984 h 2039827"/>
              <a:gd name="connsiteX93" fmla="*/ 1263736 w 2171957"/>
              <a:gd name="connsiteY93" fmla="*/ 439627 h 2039827"/>
              <a:gd name="connsiteX94" fmla="*/ 1243833 w 2171957"/>
              <a:gd name="connsiteY94" fmla="*/ 432292 h 2039827"/>
              <a:gd name="connsiteX95" fmla="*/ 1214309 w 2171957"/>
              <a:gd name="connsiteY95" fmla="*/ 396378 h 2039827"/>
              <a:gd name="connsiteX96" fmla="*/ 1147357 w 2171957"/>
              <a:gd name="connsiteY96" fmla="*/ 390478 h 2039827"/>
              <a:gd name="connsiteX97" fmla="*/ 1109276 w 2171957"/>
              <a:gd name="connsiteY97" fmla="*/ 371665 h 2039827"/>
              <a:gd name="connsiteX98" fmla="*/ 1090741 w 2171957"/>
              <a:gd name="connsiteY98" fmla="*/ 371665 h 2039827"/>
              <a:gd name="connsiteX99" fmla="*/ 1078384 w 2171957"/>
              <a:gd name="connsiteY99" fmla="*/ 359308 h 2039827"/>
              <a:gd name="connsiteX100" fmla="*/ 1066028 w 2171957"/>
              <a:gd name="connsiteY100" fmla="*/ 353130 h 2039827"/>
              <a:gd name="connsiteX101" fmla="*/ 1071797 w 2171957"/>
              <a:gd name="connsiteY101" fmla="*/ 10936 h 2039827"/>
              <a:gd name="connsiteX102" fmla="*/ 602245 w 2171957"/>
              <a:gd name="connsiteY102" fmla="*/ 0 h 2039827"/>
              <a:gd name="connsiteX0" fmla="*/ 608423 w 2178135"/>
              <a:gd name="connsiteY0" fmla="*/ 0 h 2039827"/>
              <a:gd name="connsiteX1" fmla="*/ 590292 w 2178135"/>
              <a:gd name="connsiteY1" fmla="*/ 872113 h 2039827"/>
              <a:gd name="connsiteX2" fmla="*/ 6178 w 2178135"/>
              <a:gd name="connsiteY2" fmla="*/ 841299 h 2039827"/>
              <a:gd name="connsiteX3" fmla="*/ 0 w 2178135"/>
              <a:gd name="connsiteY3" fmla="*/ 880734 h 2039827"/>
              <a:gd name="connsiteX4" fmla="*/ 58952 w 2178135"/>
              <a:gd name="connsiteY4" fmla="*/ 921540 h 2039827"/>
              <a:gd name="connsiteX5" fmla="*/ 114557 w 2178135"/>
              <a:gd name="connsiteY5" fmla="*/ 989503 h 2039827"/>
              <a:gd name="connsiteX6" fmla="*/ 163984 w 2178135"/>
              <a:gd name="connsiteY6" fmla="*/ 1063643 h 2039827"/>
              <a:gd name="connsiteX7" fmla="*/ 213411 w 2178135"/>
              <a:gd name="connsiteY7" fmla="*/ 1076000 h 2039827"/>
              <a:gd name="connsiteX8" fmla="*/ 250481 w 2178135"/>
              <a:gd name="connsiteY8" fmla="*/ 1125427 h 2039827"/>
              <a:gd name="connsiteX9" fmla="*/ 281373 w 2178135"/>
              <a:gd name="connsiteY9" fmla="*/ 1174854 h 2039827"/>
              <a:gd name="connsiteX10" fmla="*/ 306087 w 2178135"/>
              <a:gd name="connsiteY10" fmla="*/ 1230459 h 2039827"/>
              <a:gd name="connsiteX11" fmla="*/ 318444 w 2178135"/>
              <a:gd name="connsiteY11" fmla="*/ 1304600 h 2039827"/>
              <a:gd name="connsiteX12" fmla="*/ 336979 w 2178135"/>
              <a:gd name="connsiteY12" fmla="*/ 1329313 h 2039827"/>
              <a:gd name="connsiteX13" fmla="*/ 442011 w 2178135"/>
              <a:gd name="connsiteY13" fmla="*/ 1409632 h 2039827"/>
              <a:gd name="connsiteX14" fmla="*/ 448190 w 2178135"/>
              <a:gd name="connsiteY14" fmla="*/ 1384919 h 2039827"/>
              <a:gd name="connsiteX15" fmla="*/ 584114 w 2178135"/>
              <a:gd name="connsiteY15" fmla="*/ 1452881 h 2039827"/>
              <a:gd name="connsiteX16" fmla="*/ 584114 w 2178135"/>
              <a:gd name="connsiteY16" fmla="*/ 1452881 h 2039827"/>
              <a:gd name="connsiteX17" fmla="*/ 615006 w 2178135"/>
              <a:gd name="connsiteY17" fmla="*/ 1397276 h 2039827"/>
              <a:gd name="connsiteX18" fmla="*/ 670611 w 2178135"/>
              <a:gd name="connsiteY18" fmla="*/ 1329313 h 2039827"/>
              <a:gd name="connsiteX19" fmla="*/ 738573 w 2178135"/>
              <a:gd name="connsiteY19" fmla="*/ 1310778 h 2039827"/>
              <a:gd name="connsiteX20" fmla="*/ 831249 w 2178135"/>
              <a:gd name="connsiteY20" fmla="*/ 1323135 h 2039827"/>
              <a:gd name="connsiteX21" fmla="*/ 911568 w 2178135"/>
              <a:gd name="connsiteY21" fmla="*/ 1384919 h 2039827"/>
              <a:gd name="connsiteX22" fmla="*/ 967173 w 2178135"/>
              <a:gd name="connsiteY22" fmla="*/ 1465238 h 2039827"/>
              <a:gd name="connsiteX23" fmla="*/ 1022779 w 2178135"/>
              <a:gd name="connsiteY23" fmla="*/ 1545557 h 2039827"/>
              <a:gd name="connsiteX24" fmla="*/ 1072206 w 2178135"/>
              <a:gd name="connsiteY24" fmla="*/ 1632054 h 2039827"/>
              <a:gd name="connsiteX25" fmla="*/ 1127811 w 2178135"/>
              <a:gd name="connsiteY25" fmla="*/ 1700016 h 2039827"/>
              <a:gd name="connsiteX26" fmla="*/ 1177238 w 2178135"/>
              <a:gd name="connsiteY26" fmla="*/ 1737086 h 2039827"/>
              <a:gd name="connsiteX27" fmla="*/ 1208130 w 2178135"/>
              <a:gd name="connsiteY27" fmla="*/ 1817405 h 2039827"/>
              <a:gd name="connsiteX28" fmla="*/ 1232844 w 2178135"/>
              <a:gd name="connsiteY28" fmla="*/ 1879189 h 2039827"/>
              <a:gd name="connsiteX29" fmla="*/ 1257557 w 2178135"/>
              <a:gd name="connsiteY29" fmla="*/ 1940973 h 2039827"/>
              <a:gd name="connsiteX30" fmla="*/ 1288449 w 2178135"/>
              <a:gd name="connsiteY30" fmla="*/ 1984222 h 2039827"/>
              <a:gd name="connsiteX31" fmla="*/ 1350233 w 2178135"/>
              <a:gd name="connsiteY31" fmla="*/ 2008935 h 2039827"/>
              <a:gd name="connsiteX32" fmla="*/ 1449087 w 2178135"/>
              <a:gd name="connsiteY32" fmla="*/ 2027470 h 2039827"/>
              <a:gd name="connsiteX33" fmla="*/ 1523227 w 2178135"/>
              <a:gd name="connsiteY33" fmla="*/ 2039827 h 2039827"/>
              <a:gd name="connsiteX34" fmla="*/ 1615903 w 2178135"/>
              <a:gd name="connsiteY34" fmla="*/ 2039827 h 2039827"/>
              <a:gd name="connsiteX35" fmla="*/ 1597368 w 2178135"/>
              <a:gd name="connsiteY35" fmla="*/ 2027470 h 2039827"/>
              <a:gd name="connsiteX36" fmla="*/ 1597368 w 2178135"/>
              <a:gd name="connsiteY36" fmla="*/ 2027470 h 2039827"/>
              <a:gd name="connsiteX37" fmla="*/ 1585011 w 2178135"/>
              <a:gd name="connsiteY37" fmla="*/ 1959508 h 2039827"/>
              <a:gd name="connsiteX38" fmla="*/ 1560298 w 2178135"/>
              <a:gd name="connsiteY38" fmla="*/ 1928616 h 2039827"/>
              <a:gd name="connsiteX39" fmla="*/ 1554119 w 2178135"/>
              <a:gd name="connsiteY39" fmla="*/ 1891546 h 2039827"/>
              <a:gd name="connsiteX40" fmla="*/ 1535584 w 2178135"/>
              <a:gd name="connsiteY40" fmla="*/ 1848297 h 2039827"/>
              <a:gd name="connsiteX41" fmla="*/ 1547941 w 2178135"/>
              <a:gd name="connsiteY41" fmla="*/ 1817405 h 2039827"/>
              <a:gd name="connsiteX42" fmla="*/ 1541762 w 2178135"/>
              <a:gd name="connsiteY42" fmla="*/ 1798870 h 2039827"/>
              <a:gd name="connsiteX43" fmla="*/ 1498514 w 2178135"/>
              <a:gd name="connsiteY43" fmla="*/ 1774157 h 2039827"/>
              <a:gd name="connsiteX44" fmla="*/ 1547941 w 2178135"/>
              <a:gd name="connsiteY44" fmla="*/ 1743265 h 2039827"/>
              <a:gd name="connsiteX45" fmla="*/ 1554119 w 2178135"/>
              <a:gd name="connsiteY45" fmla="*/ 1730908 h 2039827"/>
              <a:gd name="connsiteX46" fmla="*/ 1560298 w 2178135"/>
              <a:gd name="connsiteY46" fmla="*/ 1700016 h 2039827"/>
              <a:gd name="connsiteX47" fmla="*/ 1535584 w 2178135"/>
              <a:gd name="connsiteY47" fmla="*/ 1669124 h 2039827"/>
              <a:gd name="connsiteX48" fmla="*/ 1560298 w 2178135"/>
              <a:gd name="connsiteY48" fmla="*/ 1669124 h 2039827"/>
              <a:gd name="connsiteX49" fmla="*/ 1585011 w 2178135"/>
              <a:gd name="connsiteY49" fmla="*/ 1650589 h 2039827"/>
              <a:gd name="connsiteX50" fmla="*/ 1560298 w 2178135"/>
              <a:gd name="connsiteY50" fmla="*/ 1594984 h 2039827"/>
              <a:gd name="connsiteX51" fmla="*/ 1560298 w 2178135"/>
              <a:gd name="connsiteY51" fmla="*/ 1594984 h 2039827"/>
              <a:gd name="connsiteX52" fmla="*/ 1628260 w 2178135"/>
              <a:gd name="connsiteY52" fmla="*/ 1594984 h 2039827"/>
              <a:gd name="connsiteX53" fmla="*/ 1640617 w 2178135"/>
              <a:gd name="connsiteY53" fmla="*/ 1582627 h 2039827"/>
              <a:gd name="connsiteX54" fmla="*/ 1659152 w 2178135"/>
              <a:gd name="connsiteY54" fmla="*/ 1533200 h 2039827"/>
              <a:gd name="connsiteX55" fmla="*/ 1696222 w 2178135"/>
              <a:gd name="connsiteY55" fmla="*/ 1533200 h 2039827"/>
              <a:gd name="connsiteX56" fmla="*/ 1714757 w 2178135"/>
              <a:gd name="connsiteY56" fmla="*/ 1533200 h 2039827"/>
              <a:gd name="connsiteX57" fmla="*/ 1714757 w 2178135"/>
              <a:gd name="connsiteY57" fmla="*/ 1502308 h 2039827"/>
              <a:gd name="connsiteX58" fmla="*/ 1708579 w 2178135"/>
              <a:gd name="connsiteY58" fmla="*/ 1483773 h 2039827"/>
              <a:gd name="connsiteX59" fmla="*/ 1708579 w 2178135"/>
              <a:gd name="connsiteY59" fmla="*/ 1483773 h 2039827"/>
              <a:gd name="connsiteX60" fmla="*/ 1782719 w 2178135"/>
              <a:gd name="connsiteY60" fmla="*/ 1489951 h 2039827"/>
              <a:gd name="connsiteX61" fmla="*/ 1844503 w 2178135"/>
              <a:gd name="connsiteY61" fmla="*/ 1477595 h 2039827"/>
              <a:gd name="connsiteX62" fmla="*/ 1906287 w 2178135"/>
              <a:gd name="connsiteY62" fmla="*/ 1421989 h 2039827"/>
              <a:gd name="connsiteX63" fmla="*/ 1906287 w 2178135"/>
              <a:gd name="connsiteY63" fmla="*/ 1378740 h 2039827"/>
              <a:gd name="connsiteX64" fmla="*/ 1955714 w 2178135"/>
              <a:gd name="connsiteY64" fmla="*/ 1347849 h 2039827"/>
              <a:gd name="connsiteX65" fmla="*/ 1949535 w 2178135"/>
              <a:gd name="connsiteY65" fmla="*/ 1286065 h 2039827"/>
              <a:gd name="connsiteX66" fmla="*/ 1992784 w 2178135"/>
              <a:gd name="connsiteY66" fmla="*/ 1267530 h 2039827"/>
              <a:gd name="connsiteX67" fmla="*/ 2017498 w 2178135"/>
              <a:gd name="connsiteY67" fmla="*/ 1329313 h 2039827"/>
              <a:gd name="connsiteX68" fmla="*/ 2153422 w 2178135"/>
              <a:gd name="connsiteY68" fmla="*/ 1255173 h 2039827"/>
              <a:gd name="connsiteX69" fmla="*/ 2165779 w 2178135"/>
              <a:gd name="connsiteY69" fmla="*/ 1168676 h 2039827"/>
              <a:gd name="connsiteX70" fmla="*/ 2153422 w 2178135"/>
              <a:gd name="connsiteY70" fmla="*/ 1131605 h 2039827"/>
              <a:gd name="connsiteX71" fmla="*/ 2147244 w 2178135"/>
              <a:gd name="connsiteY71" fmla="*/ 1094535 h 2039827"/>
              <a:gd name="connsiteX72" fmla="*/ 2159600 w 2178135"/>
              <a:gd name="connsiteY72" fmla="*/ 1051286 h 2039827"/>
              <a:gd name="connsiteX73" fmla="*/ 2178135 w 2178135"/>
              <a:gd name="connsiteY73" fmla="*/ 1014216 h 2039827"/>
              <a:gd name="connsiteX74" fmla="*/ 2141065 w 2178135"/>
              <a:gd name="connsiteY74" fmla="*/ 903005 h 2039827"/>
              <a:gd name="connsiteX75" fmla="*/ 2110173 w 2178135"/>
              <a:gd name="connsiteY75" fmla="*/ 872113 h 2039827"/>
              <a:gd name="connsiteX76" fmla="*/ 2085460 w 2178135"/>
              <a:gd name="connsiteY76" fmla="*/ 791795 h 2039827"/>
              <a:gd name="connsiteX77" fmla="*/ 2073103 w 2178135"/>
              <a:gd name="connsiteY77" fmla="*/ 618800 h 2039827"/>
              <a:gd name="connsiteX78" fmla="*/ 2060746 w 2178135"/>
              <a:gd name="connsiteY78" fmla="*/ 519946 h 2039827"/>
              <a:gd name="connsiteX79" fmla="*/ 2042211 w 2178135"/>
              <a:gd name="connsiteY79" fmla="*/ 501411 h 2039827"/>
              <a:gd name="connsiteX80" fmla="*/ 1992784 w 2178135"/>
              <a:gd name="connsiteY80" fmla="*/ 526124 h 2039827"/>
              <a:gd name="connsiteX81" fmla="*/ 1881573 w 2178135"/>
              <a:gd name="connsiteY81" fmla="*/ 470519 h 2039827"/>
              <a:gd name="connsiteX82" fmla="*/ 1844503 w 2178135"/>
              <a:gd name="connsiteY82" fmla="*/ 470519 h 2039827"/>
              <a:gd name="connsiteX83" fmla="*/ 1776541 w 2178135"/>
              <a:gd name="connsiteY83" fmla="*/ 464340 h 2039827"/>
              <a:gd name="connsiteX84" fmla="*/ 1702400 w 2178135"/>
              <a:gd name="connsiteY84" fmla="*/ 519946 h 2039827"/>
              <a:gd name="connsiteX85" fmla="*/ 1640617 w 2178135"/>
              <a:gd name="connsiteY85" fmla="*/ 489054 h 2039827"/>
              <a:gd name="connsiteX86" fmla="*/ 1603546 w 2178135"/>
              <a:gd name="connsiteY86" fmla="*/ 501411 h 2039827"/>
              <a:gd name="connsiteX87" fmla="*/ 1603608 w 2178135"/>
              <a:gd name="connsiteY87" fmla="*/ 489288 h 2039827"/>
              <a:gd name="connsiteX88" fmla="*/ 1529406 w 2178135"/>
              <a:gd name="connsiteY88" fmla="*/ 495232 h 2039827"/>
              <a:gd name="connsiteX89" fmla="*/ 1498514 w 2178135"/>
              <a:gd name="connsiteY89" fmla="*/ 470519 h 2039827"/>
              <a:gd name="connsiteX90" fmla="*/ 1449087 w 2178135"/>
              <a:gd name="connsiteY90" fmla="*/ 489054 h 2039827"/>
              <a:gd name="connsiteX91" fmla="*/ 1372168 w 2178135"/>
              <a:gd name="connsiteY91" fmla="*/ 433707 h 2039827"/>
              <a:gd name="connsiteX92" fmla="*/ 1300806 w 2178135"/>
              <a:gd name="connsiteY92" fmla="*/ 451984 h 2039827"/>
              <a:gd name="connsiteX93" fmla="*/ 1269914 w 2178135"/>
              <a:gd name="connsiteY93" fmla="*/ 439627 h 2039827"/>
              <a:gd name="connsiteX94" fmla="*/ 1250011 w 2178135"/>
              <a:gd name="connsiteY94" fmla="*/ 432292 h 2039827"/>
              <a:gd name="connsiteX95" fmla="*/ 1220487 w 2178135"/>
              <a:gd name="connsiteY95" fmla="*/ 396378 h 2039827"/>
              <a:gd name="connsiteX96" fmla="*/ 1153535 w 2178135"/>
              <a:gd name="connsiteY96" fmla="*/ 390478 h 2039827"/>
              <a:gd name="connsiteX97" fmla="*/ 1115454 w 2178135"/>
              <a:gd name="connsiteY97" fmla="*/ 371665 h 2039827"/>
              <a:gd name="connsiteX98" fmla="*/ 1096919 w 2178135"/>
              <a:gd name="connsiteY98" fmla="*/ 371665 h 2039827"/>
              <a:gd name="connsiteX99" fmla="*/ 1084562 w 2178135"/>
              <a:gd name="connsiteY99" fmla="*/ 359308 h 2039827"/>
              <a:gd name="connsiteX100" fmla="*/ 1072206 w 2178135"/>
              <a:gd name="connsiteY100" fmla="*/ 353130 h 2039827"/>
              <a:gd name="connsiteX101" fmla="*/ 1077975 w 2178135"/>
              <a:gd name="connsiteY101" fmla="*/ 10936 h 2039827"/>
              <a:gd name="connsiteX102" fmla="*/ 608423 w 2178135"/>
              <a:gd name="connsiteY102" fmla="*/ 0 h 2039827"/>
              <a:gd name="connsiteX0" fmla="*/ 608423 w 2178135"/>
              <a:gd name="connsiteY0" fmla="*/ 0 h 2039827"/>
              <a:gd name="connsiteX1" fmla="*/ 590292 w 2178135"/>
              <a:gd name="connsiteY1" fmla="*/ 872113 h 2039827"/>
              <a:gd name="connsiteX2" fmla="*/ 6178 w 2178135"/>
              <a:gd name="connsiteY2" fmla="*/ 841299 h 2039827"/>
              <a:gd name="connsiteX3" fmla="*/ 0 w 2178135"/>
              <a:gd name="connsiteY3" fmla="*/ 880734 h 2039827"/>
              <a:gd name="connsiteX4" fmla="*/ 58952 w 2178135"/>
              <a:gd name="connsiteY4" fmla="*/ 921540 h 2039827"/>
              <a:gd name="connsiteX5" fmla="*/ 114557 w 2178135"/>
              <a:gd name="connsiteY5" fmla="*/ 989503 h 2039827"/>
              <a:gd name="connsiteX6" fmla="*/ 163984 w 2178135"/>
              <a:gd name="connsiteY6" fmla="*/ 1063643 h 2039827"/>
              <a:gd name="connsiteX7" fmla="*/ 213411 w 2178135"/>
              <a:gd name="connsiteY7" fmla="*/ 1076000 h 2039827"/>
              <a:gd name="connsiteX8" fmla="*/ 250481 w 2178135"/>
              <a:gd name="connsiteY8" fmla="*/ 1125427 h 2039827"/>
              <a:gd name="connsiteX9" fmla="*/ 281373 w 2178135"/>
              <a:gd name="connsiteY9" fmla="*/ 1174854 h 2039827"/>
              <a:gd name="connsiteX10" fmla="*/ 306087 w 2178135"/>
              <a:gd name="connsiteY10" fmla="*/ 1230459 h 2039827"/>
              <a:gd name="connsiteX11" fmla="*/ 318444 w 2178135"/>
              <a:gd name="connsiteY11" fmla="*/ 1304600 h 2039827"/>
              <a:gd name="connsiteX12" fmla="*/ 336979 w 2178135"/>
              <a:gd name="connsiteY12" fmla="*/ 1329313 h 2039827"/>
              <a:gd name="connsiteX13" fmla="*/ 442011 w 2178135"/>
              <a:gd name="connsiteY13" fmla="*/ 1409632 h 2039827"/>
              <a:gd name="connsiteX14" fmla="*/ 448190 w 2178135"/>
              <a:gd name="connsiteY14" fmla="*/ 1384919 h 2039827"/>
              <a:gd name="connsiteX15" fmla="*/ 584114 w 2178135"/>
              <a:gd name="connsiteY15" fmla="*/ 1452881 h 2039827"/>
              <a:gd name="connsiteX16" fmla="*/ 584114 w 2178135"/>
              <a:gd name="connsiteY16" fmla="*/ 1452881 h 2039827"/>
              <a:gd name="connsiteX17" fmla="*/ 615006 w 2178135"/>
              <a:gd name="connsiteY17" fmla="*/ 1397276 h 2039827"/>
              <a:gd name="connsiteX18" fmla="*/ 670611 w 2178135"/>
              <a:gd name="connsiteY18" fmla="*/ 1329313 h 2039827"/>
              <a:gd name="connsiteX19" fmla="*/ 738573 w 2178135"/>
              <a:gd name="connsiteY19" fmla="*/ 1310778 h 2039827"/>
              <a:gd name="connsiteX20" fmla="*/ 831249 w 2178135"/>
              <a:gd name="connsiteY20" fmla="*/ 1323135 h 2039827"/>
              <a:gd name="connsiteX21" fmla="*/ 911568 w 2178135"/>
              <a:gd name="connsiteY21" fmla="*/ 1384919 h 2039827"/>
              <a:gd name="connsiteX22" fmla="*/ 967173 w 2178135"/>
              <a:gd name="connsiteY22" fmla="*/ 1465238 h 2039827"/>
              <a:gd name="connsiteX23" fmla="*/ 1022779 w 2178135"/>
              <a:gd name="connsiteY23" fmla="*/ 1545557 h 2039827"/>
              <a:gd name="connsiteX24" fmla="*/ 1072206 w 2178135"/>
              <a:gd name="connsiteY24" fmla="*/ 1632054 h 2039827"/>
              <a:gd name="connsiteX25" fmla="*/ 1127811 w 2178135"/>
              <a:gd name="connsiteY25" fmla="*/ 1700016 h 2039827"/>
              <a:gd name="connsiteX26" fmla="*/ 1177238 w 2178135"/>
              <a:gd name="connsiteY26" fmla="*/ 1737086 h 2039827"/>
              <a:gd name="connsiteX27" fmla="*/ 1208130 w 2178135"/>
              <a:gd name="connsiteY27" fmla="*/ 1817405 h 2039827"/>
              <a:gd name="connsiteX28" fmla="*/ 1232844 w 2178135"/>
              <a:gd name="connsiteY28" fmla="*/ 1879189 h 2039827"/>
              <a:gd name="connsiteX29" fmla="*/ 1257557 w 2178135"/>
              <a:gd name="connsiteY29" fmla="*/ 1940973 h 2039827"/>
              <a:gd name="connsiteX30" fmla="*/ 1288449 w 2178135"/>
              <a:gd name="connsiteY30" fmla="*/ 1984222 h 2039827"/>
              <a:gd name="connsiteX31" fmla="*/ 1350233 w 2178135"/>
              <a:gd name="connsiteY31" fmla="*/ 2008935 h 2039827"/>
              <a:gd name="connsiteX32" fmla="*/ 1449087 w 2178135"/>
              <a:gd name="connsiteY32" fmla="*/ 2027470 h 2039827"/>
              <a:gd name="connsiteX33" fmla="*/ 1523227 w 2178135"/>
              <a:gd name="connsiteY33" fmla="*/ 2039827 h 2039827"/>
              <a:gd name="connsiteX34" fmla="*/ 1615903 w 2178135"/>
              <a:gd name="connsiteY34" fmla="*/ 2039827 h 2039827"/>
              <a:gd name="connsiteX35" fmla="*/ 1597368 w 2178135"/>
              <a:gd name="connsiteY35" fmla="*/ 2027470 h 2039827"/>
              <a:gd name="connsiteX36" fmla="*/ 1597368 w 2178135"/>
              <a:gd name="connsiteY36" fmla="*/ 2027470 h 2039827"/>
              <a:gd name="connsiteX37" fmla="*/ 1585011 w 2178135"/>
              <a:gd name="connsiteY37" fmla="*/ 1959508 h 2039827"/>
              <a:gd name="connsiteX38" fmla="*/ 1560298 w 2178135"/>
              <a:gd name="connsiteY38" fmla="*/ 1928616 h 2039827"/>
              <a:gd name="connsiteX39" fmla="*/ 1554119 w 2178135"/>
              <a:gd name="connsiteY39" fmla="*/ 1891546 h 2039827"/>
              <a:gd name="connsiteX40" fmla="*/ 1535584 w 2178135"/>
              <a:gd name="connsiteY40" fmla="*/ 1848297 h 2039827"/>
              <a:gd name="connsiteX41" fmla="*/ 1547941 w 2178135"/>
              <a:gd name="connsiteY41" fmla="*/ 1817405 h 2039827"/>
              <a:gd name="connsiteX42" fmla="*/ 1541762 w 2178135"/>
              <a:gd name="connsiteY42" fmla="*/ 1798870 h 2039827"/>
              <a:gd name="connsiteX43" fmla="*/ 1498514 w 2178135"/>
              <a:gd name="connsiteY43" fmla="*/ 1774157 h 2039827"/>
              <a:gd name="connsiteX44" fmla="*/ 1547941 w 2178135"/>
              <a:gd name="connsiteY44" fmla="*/ 1743265 h 2039827"/>
              <a:gd name="connsiteX45" fmla="*/ 1554119 w 2178135"/>
              <a:gd name="connsiteY45" fmla="*/ 1730908 h 2039827"/>
              <a:gd name="connsiteX46" fmla="*/ 1560298 w 2178135"/>
              <a:gd name="connsiteY46" fmla="*/ 1700016 h 2039827"/>
              <a:gd name="connsiteX47" fmla="*/ 1535584 w 2178135"/>
              <a:gd name="connsiteY47" fmla="*/ 1669124 h 2039827"/>
              <a:gd name="connsiteX48" fmla="*/ 1560298 w 2178135"/>
              <a:gd name="connsiteY48" fmla="*/ 1669124 h 2039827"/>
              <a:gd name="connsiteX49" fmla="*/ 1585011 w 2178135"/>
              <a:gd name="connsiteY49" fmla="*/ 1650589 h 2039827"/>
              <a:gd name="connsiteX50" fmla="*/ 1560298 w 2178135"/>
              <a:gd name="connsiteY50" fmla="*/ 1594984 h 2039827"/>
              <a:gd name="connsiteX51" fmla="*/ 1560298 w 2178135"/>
              <a:gd name="connsiteY51" fmla="*/ 1594984 h 2039827"/>
              <a:gd name="connsiteX52" fmla="*/ 1628260 w 2178135"/>
              <a:gd name="connsiteY52" fmla="*/ 1594984 h 2039827"/>
              <a:gd name="connsiteX53" fmla="*/ 1640617 w 2178135"/>
              <a:gd name="connsiteY53" fmla="*/ 1582627 h 2039827"/>
              <a:gd name="connsiteX54" fmla="*/ 1659152 w 2178135"/>
              <a:gd name="connsiteY54" fmla="*/ 1533200 h 2039827"/>
              <a:gd name="connsiteX55" fmla="*/ 1696222 w 2178135"/>
              <a:gd name="connsiteY55" fmla="*/ 1533200 h 2039827"/>
              <a:gd name="connsiteX56" fmla="*/ 1714757 w 2178135"/>
              <a:gd name="connsiteY56" fmla="*/ 1533200 h 2039827"/>
              <a:gd name="connsiteX57" fmla="*/ 1714757 w 2178135"/>
              <a:gd name="connsiteY57" fmla="*/ 1502308 h 2039827"/>
              <a:gd name="connsiteX58" fmla="*/ 1708579 w 2178135"/>
              <a:gd name="connsiteY58" fmla="*/ 1483773 h 2039827"/>
              <a:gd name="connsiteX59" fmla="*/ 1708579 w 2178135"/>
              <a:gd name="connsiteY59" fmla="*/ 1483773 h 2039827"/>
              <a:gd name="connsiteX60" fmla="*/ 1782719 w 2178135"/>
              <a:gd name="connsiteY60" fmla="*/ 1489951 h 2039827"/>
              <a:gd name="connsiteX61" fmla="*/ 1844503 w 2178135"/>
              <a:gd name="connsiteY61" fmla="*/ 1477595 h 2039827"/>
              <a:gd name="connsiteX62" fmla="*/ 1906287 w 2178135"/>
              <a:gd name="connsiteY62" fmla="*/ 1421989 h 2039827"/>
              <a:gd name="connsiteX63" fmla="*/ 1906287 w 2178135"/>
              <a:gd name="connsiteY63" fmla="*/ 1378740 h 2039827"/>
              <a:gd name="connsiteX64" fmla="*/ 1955714 w 2178135"/>
              <a:gd name="connsiteY64" fmla="*/ 1347849 h 2039827"/>
              <a:gd name="connsiteX65" fmla="*/ 1949535 w 2178135"/>
              <a:gd name="connsiteY65" fmla="*/ 1286065 h 2039827"/>
              <a:gd name="connsiteX66" fmla="*/ 1992784 w 2178135"/>
              <a:gd name="connsiteY66" fmla="*/ 1267530 h 2039827"/>
              <a:gd name="connsiteX67" fmla="*/ 2017498 w 2178135"/>
              <a:gd name="connsiteY67" fmla="*/ 1329313 h 2039827"/>
              <a:gd name="connsiteX68" fmla="*/ 2153422 w 2178135"/>
              <a:gd name="connsiteY68" fmla="*/ 1255173 h 2039827"/>
              <a:gd name="connsiteX69" fmla="*/ 2165779 w 2178135"/>
              <a:gd name="connsiteY69" fmla="*/ 1168676 h 2039827"/>
              <a:gd name="connsiteX70" fmla="*/ 2153422 w 2178135"/>
              <a:gd name="connsiteY70" fmla="*/ 1131605 h 2039827"/>
              <a:gd name="connsiteX71" fmla="*/ 2147244 w 2178135"/>
              <a:gd name="connsiteY71" fmla="*/ 1094535 h 2039827"/>
              <a:gd name="connsiteX72" fmla="*/ 2159600 w 2178135"/>
              <a:gd name="connsiteY72" fmla="*/ 1051286 h 2039827"/>
              <a:gd name="connsiteX73" fmla="*/ 2178135 w 2178135"/>
              <a:gd name="connsiteY73" fmla="*/ 1014216 h 2039827"/>
              <a:gd name="connsiteX74" fmla="*/ 2141065 w 2178135"/>
              <a:gd name="connsiteY74" fmla="*/ 903005 h 2039827"/>
              <a:gd name="connsiteX75" fmla="*/ 2110173 w 2178135"/>
              <a:gd name="connsiteY75" fmla="*/ 872113 h 2039827"/>
              <a:gd name="connsiteX76" fmla="*/ 2085460 w 2178135"/>
              <a:gd name="connsiteY76" fmla="*/ 791795 h 2039827"/>
              <a:gd name="connsiteX77" fmla="*/ 2073103 w 2178135"/>
              <a:gd name="connsiteY77" fmla="*/ 618800 h 2039827"/>
              <a:gd name="connsiteX78" fmla="*/ 2060746 w 2178135"/>
              <a:gd name="connsiteY78" fmla="*/ 519946 h 2039827"/>
              <a:gd name="connsiteX79" fmla="*/ 2042211 w 2178135"/>
              <a:gd name="connsiteY79" fmla="*/ 501411 h 2039827"/>
              <a:gd name="connsiteX80" fmla="*/ 1992784 w 2178135"/>
              <a:gd name="connsiteY80" fmla="*/ 526124 h 2039827"/>
              <a:gd name="connsiteX81" fmla="*/ 1881573 w 2178135"/>
              <a:gd name="connsiteY81" fmla="*/ 470519 h 2039827"/>
              <a:gd name="connsiteX82" fmla="*/ 1844503 w 2178135"/>
              <a:gd name="connsiteY82" fmla="*/ 470519 h 2039827"/>
              <a:gd name="connsiteX83" fmla="*/ 1776541 w 2178135"/>
              <a:gd name="connsiteY83" fmla="*/ 464340 h 2039827"/>
              <a:gd name="connsiteX84" fmla="*/ 1702400 w 2178135"/>
              <a:gd name="connsiteY84" fmla="*/ 519946 h 2039827"/>
              <a:gd name="connsiteX85" fmla="*/ 1640617 w 2178135"/>
              <a:gd name="connsiteY85" fmla="*/ 489054 h 2039827"/>
              <a:gd name="connsiteX86" fmla="*/ 1603546 w 2178135"/>
              <a:gd name="connsiteY86" fmla="*/ 501411 h 2039827"/>
              <a:gd name="connsiteX87" fmla="*/ 1603608 w 2178135"/>
              <a:gd name="connsiteY87" fmla="*/ 489288 h 2039827"/>
              <a:gd name="connsiteX88" fmla="*/ 1529406 w 2178135"/>
              <a:gd name="connsiteY88" fmla="*/ 495232 h 2039827"/>
              <a:gd name="connsiteX89" fmla="*/ 1498514 w 2178135"/>
              <a:gd name="connsiteY89" fmla="*/ 470519 h 2039827"/>
              <a:gd name="connsiteX90" fmla="*/ 1451525 w 2178135"/>
              <a:gd name="connsiteY90" fmla="*/ 481697 h 2039827"/>
              <a:gd name="connsiteX91" fmla="*/ 1372168 w 2178135"/>
              <a:gd name="connsiteY91" fmla="*/ 433707 h 2039827"/>
              <a:gd name="connsiteX92" fmla="*/ 1300806 w 2178135"/>
              <a:gd name="connsiteY92" fmla="*/ 451984 h 2039827"/>
              <a:gd name="connsiteX93" fmla="*/ 1269914 w 2178135"/>
              <a:gd name="connsiteY93" fmla="*/ 439627 h 2039827"/>
              <a:gd name="connsiteX94" fmla="*/ 1250011 w 2178135"/>
              <a:gd name="connsiteY94" fmla="*/ 432292 h 2039827"/>
              <a:gd name="connsiteX95" fmla="*/ 1220487 w 2178135"/>
              <a:gd name="connsiteY95" fmla="*/ 396378 h 2039827"/>
              <a:gd name="connsiteX96" fmla="*/ 1153535 w 2178135"/>
              <a:gd name="connsiteY96" fmla="*/ 390478 h 2039827"/>
              <a:gd name="connsiteX97" fmla="*/ 1115454 w 2178135"/>
              <a:gd name="connsiteY97" fmla="*/ 371665 h 2039827"/>
              <a:gd name="connsiteX98" fmla="*/ 1096919 w 2178135"/>
              <a:gd name="connsiteY98" fmla="*/ 371665 h 2039827"/>
              <a:gd name="connsiteX99" fmla="*/ 1084562 w 2178135"/>
              <a:gd name="connsiteY99" fmla="*/ 359308 h 2039827"/>
              <a:gd name="connsiteX100" fmla="*/ 1072206 w 2178135"/>
              <a:gd name="connsiteY100" fmla="*/ 353130 h 2039827"/>
              <a:gd name="connsiteX101" fmla="*/ 1077975 w 2178135"/>
              <a:gd name="connsiteY101" fmla="*/ 10936 h 2039827"/>
              <a:gd name="connsiteX102" fmla="*/ 608423 w 2178135"/>
              <a:gd name="connsiteY102" fmla="*/ 0 h 2039827"/>
              <a:gd name="connsiteX0" fmla="*/ 608423 w 2178135"/>
              <a:gd name="connsiteY0" fmla="*/ 0 h 2039827"/>
              <a:gd name="connsiteX1" fmla="*/ 590292 w 2178135"/>
              <a:gd name="connsiteY1" fmla="*/ 872113 h 2039827"/>
              <a:gd name="connsiteX2" fmla="*/ 6178 w 2178135"/>
              <a:gd name="connsiteY2" fmla="*/ 841299 h 2039827"/>
              <a:gd name="connsiteX3" fmla="*/ 0 w 2178135"/>
              <a:gd name="connsiteY3" fmla="*/ 880734 h 2039827"/>
              <a:gd name="connsiteX4" fmla="*/ 58952 w 2178135"/>
              <a:gd name="connsiteY4" fmla="*/ 921540 h 2039827"/>
              <a:gd name="connsiteX5" fmla="*/ 114557 w 2178135"/>
              <a:gd name="connsiteY5" fmla="*/ 989503 h 2039827"/>
              <a:gd name="connsiteX6" fmla="*/ 163984 w 2178135"/>
              <a:gd name="connsiteY6" fmla="*/ 1063643 h 2039827"/>
              <a:gd name="connsiteX7" fmla="*/ 213411 w 2178135"/>
              <a:gd name="connsiteY7" fmla="*/ 1076000 h 2039827"/>
              <a:gd name="connsiteX8" fmla="*/ 250481 w 2178135"/>
              <a:gd name="connsiteY8" fmla="*/ 1125427 h 2039827"/>
              <a:gd name="connsiteX9" fmla="*/ 281373 w 2178135"/>
              <a:gd name="connsiteY9" fmla="*/ 1174854 h 2039827"/>
              <a:gd name="connsiteX10" fmla="*/ 306087 w 2178135"/>
              <a:gd name="connsiteY10" fmla="*/ 1230459 h 2039827"/>
              <a:gd name="connsiteX11" fmla="*/ 318444 w 2178135"/>
              <a:gd name="connsiteY11" fmla="*/ 1304600 h 2039827"/>
              <a:gd name="connsiteX12" fmla="*/ 336979 w 2178135"/>
              <a:gd name="connsiteY12" fmla="*/ 1329313 h 2039827"/>
              <a:gd name="connsiteX13" fmla="*/ 442011 w 2178135"/>
              <a:gd name="connsiteY13" fmla="*/ 1409632 h 2039827"/>
              <a:gd name="connsiteX14" fmla="*/ 448190 w 2178135"/>
              <a:gd name="connsiteY14" fmla="*/ 1384919 h 2039827"/>
              <a:gd name="connsiteX15" fmla="*/ 584114 w 2178135"/>
              <a:gd name="connsiteY15" fmla="*/ 1452881 h 2039827"/>
              <a:gd name="connsiteX16" fmla="*/ 584114 w 2178135"/>
              <a:gd name="connsiteY16" fmla="*/ 1452881 h 2039827"/>
              <a:gd name="connsiteX17" fmla="*/ 615006 w 2178135"/>
              <a:gd name="connsiteY17" fmla="*/ 1397276 h 2039827"/>
              <a:gd name="connsiteX18" fmla="*/ 670611 w 2178135"/>
              <a:gd name="connsiteY18" fmla="*/ 1329313 h 2039827"/>
              <a:gd name="connsiteX19" fmla="*/ 738573 w 2178135"/>
              <a:gd name="connsiteY19" fmla="*/ 1310778 h 2039827"/>
              <a:gd name="connsiteX20" fmla="*/ 831249 w 2178135"/>
              <a:gd name="connsiteY20" fmla="*/ 1323135 h 2039827"/>
              <a:gd name="connsiteX21" fmla="*/ 911568 w 2178135"/>
              <a:gd name="connsiteY21" fmla="*/ 1384919 h 2039827"/>
              <a:gd name="connsiteX22" fmla="*/ 967173 w 2178135"/>
              <a:gd name="connsiteY22" fmla="*/ 1465238 h 2039827"/>
              <a:gd name="connsiteX23" fmla="*/ 1022779 w 2178135"/>
              <a:gd name="connsiteY23" fmla="*/ 1545557 h 2039827"/>
              <a:gd name="connsiteX24" fmla="*/ 1072206 w 2178135"/>
              <a:gd name="connsiteY24" fmla="*/ 1632054 h 2039827"/>
              <a:gd name="connsiteX25" fmla="*/ 1127811 w 2178135"/>
              <a:gd name="connsiteY25" fmla="*/ 1700016 h 2039827"/>
              <a:gd name="connsiteX26" fmla="*/ 1177238 w 2178135"/>
              <a:gd name="connsiteY26" fmla="*/ 1737086 h 2039827"/>
              <a:gd name="connsiteX27" fmla="*/ 1208130 w 2178135"/>
              <a:gd name="connsiteY27" fmla="*/ 1817405 h 2039827"/>
              <a:gd name="connsiteX28" fmla="*/ 1232844 w 2178135"/>
              <a:gd name="connsiteY28" fmla="*/ 1879189 h 2039827"/>
              <a:gd name="connsiteX29" fmla="*/ 1257557 w 2178135"/>
              <a:gd name="connsiteY29" fmla="*/ 1940973 h 2039827"/>
              <a:gd name="connsiteX30" fmla="*/ 1288449 w 2178135"/>
              <a:gd name="connsiteY30" fmla="*/ 1984222 h 2039827"/>
              <a:gd name="connsiteX31" fmla="*/ 1350233 w 2178135"/>
              <a:gd name="connsiteY31" fmla="*/ 2008935 h 2039827"/>
              <a:gd name="connsiteX32" fmla="*/ 1449087 w 2178135"/>
              <a:gd name="connsiteY32" fmla="*/ 2027470 h 2039827"/>
              <a:gd name="connsiteX33" fmla="*/ 1523227 w 2178135"/>
              <a:gd name="connsiteY33" fmla="*/ 2039827 h 2039827"/>
              <a:gd name="connsiteX34" fmla="*/ 1615903 w 2178135"/>
              <a:gd name="connsiteY34" fmla="*/ 2039827 h 2039827"/>
              <a:gd name="connsiteX35" fmla="*/ 1597368 w 2178135"/>
              <a:gd name="connsiteY35" fmla="*/ 2027470 h 2039827"/>
              <a:gd name="connsiteX36" fmla="*/ 1597368 w 2178135"/>
              <a:gd name="connsiteY36" fmla="*/ 2027470 h 2039827"/>
              <a:gd name="connsiteX37" fmla="*/ 1585011 w 2178135"/>
              <a:gd name="connsiteY37" fmla="*/ 1959508 h 2039827"/>
              <a:gd name="connsiteX38" fmla="*/ 1560298 w 2178135"/>
              <a:gd name="connsiteY38" fmla="*/ 1928616 h 2039827"/>
              <a:gd name="connsiteX39" fmla="*/ 1554119 w 2178135"/>
              <a:gd name="connsiteY39" fmla="*/ 1891546 h 2039827"/>
              <a:gd name="connsiteX40" fmla="*/ 1535584 w 2178135"/>
              <a:gd name="connsiteY40" fmla="*/ 1848297 h 2039827"/>
              <a:gd name="connsiteX41" fmla="*/ 1547941 w 2178135"/>
              <a:gd name="connsiteY41" fmla="*/ 1817405 h 2039827"/>
              <a:gd name="connsiteX42" fmla="*/ 1541762 w 2178135"/>
              <a:gd name="connsiteY42" fmla="*/ 1798870 h 2039827"/>
              <a:gd name="connsiteX43" fmla="*/ 1498514 w 2178135"/>
              <a:gd name="connsiteY43" fmla="*/ 1774157 h 2039827"/>
              <a:gd name="connsiteX44" fmla="*/ 1547941 w 2178135"/>
              <a:gd name="connsiteY44" fmla="*/ 1743265 h 2039827"/>
              <a:gd name="connsiteX45" fmla="*/ 1554119 w 2178135"/>
              <a:gd name="connsiteY45" fmla="*/ 1730908 h 2039827"/>
              <a:gd name="connsiteX46" fmla="*/ 1560298 w 2178135"/>
              <a:gd name="connsiteY46" fmla="*/ 1700016 h 2039827"/>
              <a:gd name="connsiteX47" fmla="*/ 1535584 w 2178135"/>
              <a:gd name="connsiteY47" fmla="*/ 1669124 h 2039827"/>
              <a:gd name="connsiteX48" fmla="*/ 1560298 w 2178135"/>
              <a:gd name="connsiteY48" fmla="*/ 1669124 h 2039827"/>
              <a:gd name="connsiteX49" fmla="*/ 1585011 w 2178135"/>
              <a:gd name="connsiteY49" fmla="*/ 1650589 h 2039827"/>
              <a:gd name="connsiteX50" fmla="*/ 1560298 w 2178135"/>
              <a:gd name="connsiteY50" fmla="*/ 1594984 h 2039827"/>
              <a:gd name="connsiteX51" fmla="*/ 1560298 w 2178135"/>
              <a:gd name="connsiteY51" fmla="*/ 1594984 h 2039827"/>
              <a:gd name="connsiteX52" fmla="*/ 1628260 w 2178135"/>
              <a:gd name="connsiteY52" fmla="*/ 1594984 h 2039827"/>
              <a:gd name="connsiteX53" fmla="*/ 1640617 w 2178135"/>
              <a:gd name="connsiteY53" fmla="*/ 1582627 h 2039827"/>
              <a:gd name="connsiteX54" fmla="*/ 1659152 w 2178135"/>
              <a:gd name="connsiteY54" fmla="*/ 1533200 h 2039827"/>
              <a:gd name="connsiteX55" fmla="*/ 1696222 w 2178135"/>
              <a:gd name="connsiteY55" fmla="*/ 1533200 h 2039827"/>
              <a:gd name="connsiteX56" fmla="*/ 1714757 w 2178135"/>
              <a:gd name="connsiteY56" fmla="*/ 1533200 h 2039827"/>
              <a:gd name="connsiteX57" fmla="*/ 1714757 w 2178135"/>
              <a:gd name="connsiteY57" fmla="*/ 1502308 h 2039827"/>
              <a:gd name="connsiteX58" fmla="*/ 1708579 w 2178135"/>
              <a:gd name="connsiteY58" fmla="*/ 1483773 h 2039827"/>
              <a:gd name="connsiteX59" fmla="*/ 1708579 w 2178135"/>
              <a:gd name="connsiteY59" fmla="*/ 1483773 h 2039827"/>
              <a:gd name="connsiteX60" fmla="*/ 1782719 w 2178135"/>
              <a:gd name="connsiteY60" fmla="*/ 1489951 h 2039827"/>
              <a:gd name="connsiteX61" fmla="*/ 1844503 w 2178135"/>
              <a:gd name="connsiteY61" fmla="*/ 1477595 h 2039827"/>
              <a:gd name="connsiteX62" fmla="*/ 1906287 w 2178135"/>
              <a:gd name="connsiteY62" fmla="*/ 1421989 h 2039827"/>
              <a:gd name="connsiteX63" fmla="*/ 1906287 w 2178135"/>
              <a:gd name="connsiteY63" fmla="*/ 1378740 h 2039827"/>
              <a:gd name="connsiteX64" fmla="*/ 1955714 w 2178135"/>
              <a:gd name="connsiteY64" fmla="*/ 1347849 h 2039827"/>
              <a:gd name="connsiteX65" fmla="*/ 1949535 w 2178135"/>
              <a:gd name="connsiteY65" fmla="*/ 1286065 h 2039827"/>
              <a:gd name="connsiteX66" fmla="*/ 1992784 w 2178135"/>
              <a:gd name="connsiteY66" fmla="*/ 1267530 h 2039827"/>
              <a:gd name="connsiteX67" fmla="*/ 2017498 w 2178135"/>
              <a:gd name="connsiteY67" fmla="*/ 1329313 h 2039827"/>
              <a:gd name="connsiteX68" fmla="*/ 2153422 w 2178135"/>
              <a:gd name="connsiteY68" fmla="*/ 1255173 h 2039827"/>
              <a:gd name="connsiteX69" fmla="*/ 2165779 w 2178135"/>
              <a:gd name="connsiteY69" fmla="*/ 1168676 h 2039827"/>
              <a:gd name="connsiteX70" fmla="*/ 2153422 w 2178135"/>
              <a:gd name="connsiteY70" fmla="*/ 1131605 h 2039827"/>
              <a:gd name="connsiteX71" fmla="*/ 2147244 w 2178135"/>
              <a:gd name="connsiteY71" fmla="*/ 1094535 h 2039827"/>
              <a:gd name="connsiteX72" fmla="*/ 2159600 w 2178135"/>
              <a:gd name="connsiteY72" fmla="*/ 1051286 h 2039827"/>
              <a:gd name="connsiteX73" fmla="*/ 2178135 w 2178135"/>
              <a:gd name="connsiteY73" fmla="*/ 1014216 h 2039827"/>
              <a:gd name="connsiteX74" fmla="*/ 2141065 w 2178135"/>
              <a:gd name="connsiteY74" fmla="*/ 903005 h 2039827"/>
              <a:gd name="connsiteX75" fmla="*/ 2110173 w 2178135"/>
              <a:gd name="connsiteY75" fmla="*/ 872113 h 2039827"/>
              <a:gd name="connsiteX76" fmla="*/ 2085460 w 2178135"/>
              <a:gd name="connsiteY76" fmla="*/ 791795 h 2039827"/>
              <a:gd name="connsiteX77" fmla="*/ 2073103 w 2178135"/>
              <a:gd name="connsiteY77" fmla="*/ 618800 h 2039827"/>
              <a:gd name="connsiteX78" fmla="*/ 2060746 w 2178135"/>
              <a:gd name="connsiteY78" fmla="*/ 519946 h 2039827"/>
              <a:gd name="connsiteX79" fmla="*/ 2042211 w 2178135"/>
              <a:gd name="connsiteY79" fmla="*/ 501411 h 2039827"/>
              <a:gd name="connsiteX80" fmla="*/ 1992784 w 2178135"/>
              <a:gd name="connsiteY80" fmla="*/ 526124 h 2039827"/>
              <a:gd name="connsiteX81" fmla="*/ 1884028 w 2178135"/>
              <a:gd name="connsiteY81" fmla="*/ 453649 h 2039827"/>
              <a:gd name="connsiteX82" fmla="*/ 1844503 w 2178135"/>
              <a:gd name="connsiteY82" fmla="*/ 470519 h 2039827"/>
              <a:gd name="connsiteX83" fmla="*/ 1776541 w 2178135"/>
              <a:gd name="connsiteY83" fmla="*/ 464340 h 2039827"/>
              <a:gd name="connsiteX84" fmla="*/ 1702400 w 2178135"/>
              <a:gd name="connsiteY84" fmla="*/ 519946 h 2039827"/>
              <a:gd name="connsiteX85" fmla="*/ 1640617 w 2178135"/>
              <a:gd name="connsiteY85" fmla="*/ 489054 h 2039827"/>
              <a:gd name="connsiteX86" fmla="*/ 1603546 w 2178135"/>
              <a:gd name="connsiteY86" fmla="*/ 501411 h 2039827"/>
              <a:gd name="connsiteX87" fmla="*/ 1603608 w 2178135"/>
              <a:gd name="connsiteY87" fmla="*/ 489288 h 2039827"/>
              <a:gd name="connsiteX88" fmla="*/ 1529406 w 2178135"/>
              <a:gd name="connsiteY88" fmla="*/ 495232 h 2039827"/>
              <a:gd name="connsiteX89" fmla="*/ 1498514 w 2178135"/>
              <a:gd name="connsiteY89" fmla="*/ 470519 h 2039827"/>
              <a:gd name="connsiteX90" fmla="*/ 1451525 w 2178135"/>
              <a:gd name="connsiteY90" fmla="*/ 481697 h 2039827"/>
              <a:gd name="connsiteX91" fmla="*/ 1372168 w 2178135"/>
              <a:gd name="connsiteY91" fmla="*/ 433707 h 2039827"/>
              <a:gd name="connsiteX92" fmla="*/ 1300806 w 2178135"/>
              <a:gd name="connsiteY92" fmla="*/ 451984 h 2039827"/>
              <a:gd name="connsiteX93" fmla="*/ 1269914 w 2178135"/>
              <a:gd name="connsiteY93" fmla="*/ 439627 h 2039827"/>
              <a:gd name="connsiteX94" fmla="*/ 1250011 w 2178135"/>
              <a:gd name="connsiteY94" fmla="*/ 432292 h 2039827"/>
              <a:gd name="connsiteX95" fmla="*/ 1220487 w 2178135"/>
              <a:gd name="connsiteY95" fmla="*/ 396378 h 2039827"/>
              <a:gd name="connsiteX96" fmla="*/ 1153535 w 2178135"/>
              <a:gd name="connsiteY96" fmla="*/ 390478 h 2039827"/>
              <a:gd name="connsiteX97" fmla="*/ 1115454 w 2178135"/>
              <a:gd name="connsiteY97" fmla="*/ 371665 h 2039827"/>
              <a:gd name="connsiteX98" fmla="*/ 1096919 w 2178135"/>
              <a:gd name="connsiteY98" fmla="*/ 371665 h 2039827"/>
              <a:gd name="connsiteX99" fmla="*/ 1084562 w 2178135"/>
              <a:gd name="connsiteY99" fmla="*/ 359308 h 2039827"/>
              <a:gd name="connsiteX100" fmla="*/ 1072206 w 2178135"/>
              <a:gd name="connsiteY100" fmla="*/ 353130 h 2039827"/>
              <a:gd name="connsiteX101" fmla="*/ 1077975 w 2178135"/>
              <a:gd name="connsiteY101" fmla="*/ 10936 h 2039827"/>
              <a:gd name="connsiteX102" fmla="*/ 608423 w 2178135"/>
              <a:gd name="connsiteY102" fmla="*/ 0 h 203982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</a:cxnLst>
            <a:rect l="l" t="t" r="r" b="b"/>
            <a:pathLst>
              <a:path w="2178135" h="2039827">
                <a:moveTo>
                  <a:pt x="608423" y="0"/>
                </a:moveTo>
                <a:cubicBezTo>
                  <a:pt x="606363" y="288324"/>
                  <a:pt x="592352" y="583789"/>
                  <a:pt x="590292" y="872113"/>
                </a:cubicBezTo>
                <a:lnTo>
                  <a:pt x="6178" y="841299"/>
                </a:lnTo>
                <a:lnTo>
                  <a:pt x="0" y="880734"/>
                </a:lnTo>
                <a:lnTo>
                  <a:pt x="58952" y="921540"/>
                </a:lnTo>
                <a:lnTo>
                  <a:pt x="114557" y="989503"/>
                </a:lnTo>
                <a:lnTo>
                  <a:pt x="163984" y="1063643"/>
                </a:lnTo>
                <a:lnTo>
                  <a:pt x="213411" y="1076000"/>
                </a:lnTo>
                <a:lnTo>
                  <a:pt x="250481" y="1125427"/>
                </a:lnTo>
                <a:lnTo>
                  <a:pt x="281373" y="1174854"/>
                </a:lnTo>
                <a:lnTo>
                  <a:pt x="306087" y="1230459"/>
                </a:lnTo>
                <a:lnTo>
                  <a:pt x="318444" y="1304600"/>
                </a:lnTo>
                <a:lnTo>
                  <a:pt x="336979" y="1329313"/>
                </a:lnTo>
                <a:lnTo>
                  <a:pt x="442011" y="1409632"/>
                </a:lnTo>
                <a:lnTo>
                  <a:pt x="448190" y="1384919"/>
                </a:lnTo>
                <a:lnTo>
                  <a:pt x="584114" y="1452881"/>
                </a:lnTo>
                <a:lnTo>
                  <a:pt x="584114" y="1452881"/>
                </a:lnTo>
                <a:lnTo>
                  <a:pt x="615006" y="1397276"/>
                </a:lnTo>
                <a:lnTo>
                  <a:pt x="670611" y="1329313"/>
                </a:lnTo>
                <a:lnTo>
                  <a:pt x="738573" y="1310778"/>
                </a:lnTo>
                <a:lnTo>
                  <a:pt x="831249" y="1323135"/>
                </a:lnTo>
                <a:lnTo>
                  <a:pt x="911568" y="1384919"/>
                </a:lnTo>
                <a:lnTo>
                  <a:pt x="967173" y="1465238"/>
                </a:lnTo>
                <a:lnTo>
                  <a:pt x="1022779" y="1545557"/>
                </a:lnTo>
                <a:lnTo>
                  <a:pt x="1072206" y="1632054"/>
                </a:lnTo>
                <a:lnTo>
                  <a:pt x="1127811" y="1700016"/>
                </a:lnTo>
                <a:lnTo>
                  <a:pt x="1177238" y="1737086"/>
                </a:lnTo>
                <a:lnTo>
                  <a:pt x="1208130" y="1817405"/>
                </a:lnTo>
                <a:lnTo>
                  <a:pt x="1232844" y="1879189"/>
                </a:lnTo>
                <a:lnTo>
                  <a:pt x="1257557" y="1940973"/>
                </a:lnTo>
                <a:lnTo>
                  <a:pt x="1288449" y="1984222"/>
                </a:lnTo>
                <a:lnTo>
                  <a:pt x="1350233" y="2008935"/>
                </a:lnTo>
                <a:lnTo>
                  <a:pt x="1449087" y="2027470"/>
                </a:lnTo>
                <a:lnTo>
                  <a:pt x="1523227" y="2039827"/>
                </a:lnTo>
                <a:lnTo>
                  <a:pt x="1615903" y="2039827"/>
                </a:lnTo>
                <a:lnTo>
                  <a:pt x="1597368" y="2027470"/>
                </a:lnTo>
                <a:lnTo>
                  <a:pt x="1597368" y="2027470"/>
                </a:lnTo>
                <a:lnTo>
                  <a:pt x="1585011" y="1959508"/>
                </a:lnTo>
                <a:lnTo>
                  <a:pt x="1560298" y="1928616"/>
                </a:lnTo>
                <a:lnTo>
                  <a:pt x="1554119" y="1891546"/>
                </a:lnTo>
                <a:lnTo>
                  <a:pt x="1535584" y="1848297"/>
                </a:lnTo>
                <a:lnTo>
                  <a:pt x="1547941" y="1817405"/>
                </a:lnTo>
                <a:lnTo>
                  <a:pt x="1541762" y="1798870"/>
                </a:lnTo>
                <a:lnTo>
                  <a:pt x="1498514" y="1774157"/>
                </a:lnTo>
                <a:lnTo>
                  <a:pt x="1547941" y="1743265"/>
                </a:lnTo>
                <a:lnTo>
                  <a:pt x="1554119" y="1730908"/>
                </a:lnTo>
                <a:lnTo>
                  <a:pt x="1560298" y="1700016"/>
                </a:lnTo>
                <a:lnTo>
                  <a:pt x="1535584" y="1669124"/>
                </a:lnTo>
                <a:lnTo>
                  <a:pt x="1560298" y="1669124"/>
                </a:lnTo>
                <a:lnTo>
                  <a:pt x="1585011" y="1650589"/>
                </a:lnTo>
                <a:lnTo>
                  <a:pt x="1560298" y="1594984"/>
                </a:lnTo>
                <a:lnTo>
                  <a:pt x="1560298" y="1594984"/>
                </a:lnTo>
                <a:lnTo>
                  <a:pt x="1628260" y="1594984"/>
                </a:lnTo>
                <a:lnTo>
                  <a:pt x="1640617" y="1582627"/>
                </a:lnTo>
                <a:lnTo>
                  <a:pt x="1659152" y="1533200"/>
                </a:lnTo>
                <a:lnTo>
                  <a:pt x="1696222" y="1533200"/>
                </a:lnTo>
                <a:lnTo>
                  <a:pt x="1714757" y="1533200"/>
                </a:lnTo>
                <a:lnTo>
                  <a:pt x="1714757" y="1502308"/>
                </a:lnTo>
                <a:lnTo>
                  <a:pt x="1708579" y="1483773"/>
                </a:lnTo>
                <a:lnTo>
                  <a:pt x="1708579" y="1483773"/>
                </a:lnTo>
                <a:lnTo>
                  <a:pt x="1782719" y="1489951"/>
                </a:lnTo>
                <a:lnTo>
                  <a:pt x="1844503" y="1477595"/>
                </a:lnTo>
                <a:lnTo>
                  <a:pt x="1906287" y="1421989"/>
                </a:lnTo>
                <a:lnTo>
                  <a:pt x="1906287" y="1378740"/>
                </a:lnTo>
                <a:lnTo>
                  <a:pt x="1955714" y="1347849"/>
                </a:lnTo>
                <a:lnTo>
                  <a:pt x="1949535" y="1286065"/>
                </a:lnTo>
                <a:lnTo>
                  <a:pt x="1992784" y="1267530"/>
                </a:lnTo>
                <a:lnTo>
                  <a:pt x="2017498" y="1329313"/>
                </a:lnTo>
                <a:lnTo>
                  <a:pt x="2153422" y="1255173"/>
                </a:lnTo>
                <a:lnTo>
                  <a:pt x="2165779" y="1168676"/>
                </a:lnTo>
                <a:lnTo>
                  <a:pt x="2153422" y="1131605"/>
                </a:lnTo>
                <a:lnTo>
                  <a:pt x="2147244" y="1094535"/>
                </a:lnTo>
                <a:lnTo>
                  <a:pt x="2159600" y="1051286"/>
                </a:lnTo>
                <a:lnTo>
                  <a:pt x="2178135" y="1014216"/>
                </a:lnTo>
                <a:lnTo>
                  <a:pt x="2141065" y="903005"/>
                </a:lnTo>
                <a:lnTo>
                  <a:pt x="2110173" y="872113"/>
                </a:lnTo>
                <a:lnTo>
                  <a:pt x="2085460" y="791795"/>
                </a:lnTo>
                <a:lnTo>
                  <a:pt x="2073103" y="618800"/>
                </a:lnTo>
                <a:lnTo>
                  <a:pt x="2060746" y="519946"/>
                </a:lnTo>
                <a:lnTo>
                  <a:pt x="2042211" y="501411"/>
                </a:lnTo>
                <a:lnTo>
                  <a:pt x="1992784" y="526124"/>
                </a:lnTo>
                <a:lnTo>
                  <a:pt x="1884028" y="453649"/>
                </a:lnTo>
                <a:lnTo>
                  <a:pt x="1844503" y="470519"/>
                </a:lnTo>
                <a:lnTo>
                  <a:pt x="1776541" y="464340"/>
                </a:lnTo>
                <a:lnTo>
                  <a:pt x="1702400" y="519946"/>
                </a:lnTo>
                <a:lnTo>
                  <a:pt x="1640617" y="489054"/>
                </a:lnTo>
                <a:lnTo>
                  <a:pt x="1603546" y="501411"/>
                </a:lnTo>
                <a:cubicBezTo>
                  <a:pt x="1603567" y="497370"/>
                  <a:pt x="1603587" y="493329"/>
                  <a:pt x="1603608" y="489288"/>
                </a:cubicBezTo>
                <a:lnTo>
                  <a:pt x="1529406" y="495232"/>
                </a:lnTo>
                <a:lnTo>
                  <a:pt x="1498514" y="470519"/>
                </a:lnTo>
                <a:lnTo>
                  <a:pt x="1451525" y="481697"/>
                </a:lnTo>
                <a:lnTo>
                  <a:pt x="1372168" y="433707"/>
                </a:lnTo>
                <a:lnTo>
                  <a:pt x="1300806" y="451984"/>
                </a:lnTo>
                <a:lnTo>
                  <a:pt x="1269914" y="439627"/>
                </a:lnTo>
                <a:lnTo>
                  <a:pt x="1250011" y="432292"/>
                </a:lnTo>
                <a:lnTo>
                  <a:pt x="1220487" y="396378"/>
                </a:lnTo>
                <a:lnTo>
                  <a:pt x="1153535" y="390478"/>
                </a:lnTo>
                <a:lnTo>
                  <a:pt x="1115454" y="371665"/>
                </a:lnTo>
                <a:lnTo>
                  <a:pt x="1096919" y="371665"/>
                </a:lnTo>
                <a:lnTo>
                  <a:pt x="1084562" y="359308"/>
                </a:lnTo>
                <a:lnTo>
                  <a:pt x="1072206" y="353130"/>
                </a:lnTo>
                <a:lnTo>
                  <a:pt x="1077975" y="10936"/>
                </a:lnTo>
                <a:lnTo>
                  <a:pt x="608423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4" name="Freeform 53"/>
          <p:cNvSpPr/>
          <p:nvPr userDrawn="1"/>
        </p:nvSpPr>
        <p:spPr>
          <a:xfrm rot="171972">
            <a:off x="539592" y="2287528"/>
            <a:ext cx="1333500" cy="2124075"/>
          </a:xfrm>
          <a:custGeom>
            <a:avLst/>
            <a:gdLst>
              <a:gd name="connsiteX0" fmla="*/ 99753 w 1313411"/>
              <a:gd name="connsiteY0" fmla="*/ 0 h 2116975"/>
              <a:gd name="connsiteX1" fmla="*/ 99753 w 1313411"/>
              <a:gd name="connsiteY1" fmla="*/ 60960 h 2116975"/>
              <a:gd name="connsiteX2" fmla="*/ 94211 w 1313411"/>
              <a:gd name="connsiteY2" fmla="*/ 99753 h 2116975"/>
              <a:gd name="connsiteX3" fmla="*/ 72043 w 1313411"/>
              <a:gd name="connsiteY3" fmla="*/ 138545 h 2116975"/>
              <a:gd name="connsiteX4" fmla="*/ 83127 w 1313411"/>
              <a:gd name="connsiteY4" fmla="*/ 193964 h 2116975"/>
              <a:gd name="connsiteX5" fmla="*/ 0 w 1313411"/>
              <a:gd name="connsiteY5" fmla="*/ 254924 h 2116975"/>
              <a:gd name="connsiteX6" fmla="*/ 0 w 1313411"/>
              <a:gd name="connsiteY6" fmla="*/ 299258 h 2116975"/>
              <a:gd name="connsiteX7" fmla="*/ 38793 w 1313411"/>
              <a:gd name="connsiteY7" fmla="*/ 387927 h 2116975"/>
              <a:gd name="connsiteX8" fmla="*/ 38793 w 1313411"/>
              <a:gd name="connsiteY8" fmla="*/ 426720 h 2116975"/>
              <a:gd name="connsiteX9" fmla="*/ 22167 w 1313411"/>
              <a:gd name="connsiteY9" fmla="*/ 576349 h 2116975"/>
              <a:gd name="connsiteX10" fmla="*/ 49876 w 1313411"/>
              <a:gd name="connsiteY10" fmla="*/ 670560 h 2116975"/>
              <a:gd name="connsiteX11" fmla="*/ 77585 w 1313411"/>
              <a:gd name="connsiteY11" fmla="*/ 703811 h 2116975"/>
              <a:gd name="connsiteX12" fmla="*/ 83127 w 1313411"/>
              <a:gd name="connsiteY12" fmla="*/ 742604 h 2116975"/>
              <a:gd name="connsiteX13" fmla="*/ 72043 w 1313411"/>
              <a:gd name="connsiteY13" fmla="*/ 814647 h 2116975"/>
              <a:gd name="connsiteX14" fmla="*/ 121920 w 1313411"/>
              <a:gd name="connsiteY14" fmla="*/ 825731 h 2116975"/>
              <a:gd name="connsiteX15" fmla="*/ 144087 w 1313411"/>
              <a:gd name="connsiteY15" fmla="*/ 825731 h 2116975"/>
              <a:gd name="connsiteX16" fmla="*/ 166254 w 1313411"/>
              <a:gd name="connsiteY16" fmla="*/ 792480 h 2116975"/>
              <a:gd name="connsiteX17" fmla="*/ 182880 w 1313411"/>
              <a:gd name="connsiteY17" fmla="*/ 781396 h 2116975"/>
              <a:gd name="connsiteX18" fmla="*/ 193963 w 1313411"/>
              <a:gd name="connsiteY18" fmla="*/ 825731 h 2116975"/>
              <a:gd name="connsiteX19" fmla="*/ 188422 w 1313411"/>
              <a:gd name="connsiteY19" fmla="*/ 875607 h 2116975"/>
              <a:gd name="connsiteX20" fmla="*/ 182880 w 1313411"/>
              <a:gd name="connsiteY20" fmla="*/ 892233 h 2116975"/>
              <a:gd name="connsiteX21" fmla="*/ 149629 w 1313411"/>
              <a:gd name="connsiteY21" fmla="*/ 886691 h 2116975"/>
              <a:gd name="connsiteX22" fmla="*/ 133003 w 1313411"/>
              <a:gd name="connsiteY22" fmla="*/ 942109 h 2116975"/>
              <a:gd name="connsiteX23" fmla="*/ 144087 w 1313411"/>
              <a:gd name="connsiteY23" fmla="*/ 997527 h 2116975"/>
              <a:gd name="connsiteX24" fmla="*/ 171796 w 1313411"/>
              <a:gd name="connsiteY24" fmla="*/ 1025236 h 2116975"/>
              <a:gd name="connsiteX25" fmla="*/ 205047 w 1313411"/>
              <a:gd name="connsiteY25" fmla="*/ 1064029 h 2116975"/>
              <a:gd name="connsiteX26" fmla="*/ 205047 w 1313411"/>
              <a:gd name="connsiteY26" fmla="*/ 1102822 h 2116975"/>
              <a:gd name="connsiteX27" fmla="*/ 182880 w 1313411"/>
              <a:gd name="connsiteY27" fmla="*/ 1119447 h 2116975"/>
              <a:gd name="connsiteX28" fmla="*/ 182880 w 1313411"/>
              <a:gd name="connsiteY28" fmla="*/ 1119447 h 2116975"/>
              <a:gd name="connsiteX29" fmla="*/ 238298 w 1313411"/>
              <a:gd name="connsiteY29" fmla="*/ 1230284 h 2116975"/>
              <a:gd name="connsiteX30" fmla="*/ 249382 w 1313411"/>
              <a:gd name="connsiteY30" fmla="*/ 1318953 h 2116975"/>
              <a:gd name="connsiteX31" fmla="*/ 282633 w 1313411"/>
              <a:gd name="connsiteY31" fmla="*/ 1341120 h 2116975"/>
              <a:gd name="connsiteX32" fmla="*/ 282633 w 1313411"/>
              <a:gd name="connsiteY32" fmla="*/ 1341120 h 2116975"/>
              <a:gd name="connsiteX33" fmla="*/ 304800 w 1313411"/>
              <a:gd name="connsiteY33" fmla="*/ 1390996 h 2116975"/>
              <a:gd name="connsiteX34" fmla="*/ 321425 w 1313411"/>
              <a:gd name="connsiteY34" fmla="*/ 1418705 h 2116975"/>
              <a:gd name="connsiteX35" fmla="*/ 326967 w 1313411"/>
              <a:gd name="connsiteY35" fmla="*/ 1463040 h 2116975"/>
              <a:gd name="connsiteX36" fmla="*/ 299258 w 1313411"/>
              <a:gd name="connsiteY36" fmla="*/ 1507375 h 2116975"/>
              <a:gd name="connsiteX37" fmla="*/ 315883 w 1313411"/>
              <a:gd name="connsiteY37" fmla="*/ 1546167 h 2116975"/>
              <a:gd name="connsiteX38" fmla="*/ 410094 w 1313411"/>
              <a:gd name="connsiteY38" fmla="*/ 1612669 h 2116975"/>
              <a:gd name="connsiteX39" fmla="*/ 459971 w 1313411"/>
              <a:gd name="connsiteY39" fmla="*/ 1623753 h 2116975"/>
              <a:gd name="connsiteX40" fmla="*/ 465513 w 1313411"/>
              <a:gd name="connsiteY40" fmla="*/ 1607127 h 2116975"/>
              <a:gd name="connsiteX41" fmla="*/ 465513 w 1313411"/>
              <a:gd name="connsiteY41" fmla="*/ 1607127 h 2116975"/>
              <a:gd name="connsiteX42" fmla="*/ 543098 w 1313411"/>
              <a:gd name="connsiteY42" fmla="*/ 1712422 h 2116975"/>
              <a:gd name="connsiteX43" fmla="*/ 604058 w 1313411"/>
              <a:gd name="connsiteY43" fmla="*/ 1734589 h 2116975"/>
              <a:gd name="connsiteX44" fmla="*/ 604058 w 1313411"/>
              <a:gd name="connsiteY44" fmla="*/ 1734589 h 2116975"/>
              <a:gd name="connsiteX45" fmla="*/ 642851 w 1313411"/>
              <a:gd name="connsiteY45" fmla="*/ 1795549 h 2116975"/>
              <a:gd name="connsiteX46" fmla="*/ 703811 w 1313411"/>
              <a:gd name="connsiteY46" fmla="*/ 1834342 h 2116975"/>
              <a:gd name="connsiteX47" fmla="*/ 775854 w 1313411"/>
              <a:gd name="connsiteY47" fmla="*/ 1923011 h 2116975"/>
              <a:gd name="connsiteX48" fmla="*/ 786938 w 1313411"/>
              <a:gd name="connsiteY48" fmla="*/ 2017222 h 2116975"/>
              <a:gd name="connsiteX49" fmla="*/ 803563 w 1313411"/>
              <a:gd name="connsiteY49" fmla="*/ 2050473 h 2116975"/>
              <a:gd name="connsiteX50" fmla="*/ 809105 w 1313411"/>
              <a:gd name="connsiteY50" fmla="*/ 2083724 h 2116975"/>
              <a:gd name="connsiteX51" fmla="*/ 1197033 w 1313411"/>
              <a:gd name="connsiteY51" fmla="*/ 2116975 h 2116975"/>
              <a:gd name="connsiteX52" fmla="*/ 1230283 w 1313411"/>
              <a:gd name="connsiteY52" fmla="*/ 2089265 h 2116975"/>
              <a:gd name="connsiteX53" fmla="*/ 1213658 w 1313411"/>
              <a:gd name="connsiteY53" fmla="*/ 2011680 h 2116975"/>
              <a:gd name="connsiteX54" fmla="*/ 1263534 w 1313411"/>
              <a:gd name="connsiteY54" fmla="*/ 1906385 h 2116975"/>
              <a:gd name="connsiteX55" fmla="*/ 1285702 w 1313411"/>
              <a:gd name="connsiteY55" fmla="*/ 1867593 h 2116975"/>
              <a:gd name="connsiteX56" fmla="*/ 1313411 w 1313411"/>
              <a:gd name="connsiteY56" fmla="*/ 1806633 h 2116975"/>
              <a:gd name="connsiteX57" fmla="*/ 1252451 w 1313411"/>
              <a:gd name="connsiteY57" fmla="*/ 1657004 h 2116975"/>
              <a:gd name="connsiteX58" fmla="*/ 576349 w 1313411"/>
              <a:gd name="connsiteY58" fmla="*/ 714895 h 2116975"/>
              <a:gd name="connsiteX59" fmla="*/ 687185 w 1313411"/>
              <a:gd name="connsiteY59" fmla="*/ 177338 h 2116975"/>
              <a:gd name="connsiteX60" fmla="*/ 99753 w 1313411"/>
              <a:gd name="connsiteY60" fmla="*/ 0 h 2116975"/>
              <a:gd name="connsiteX0" fmla="*/ 99753 w 1313411"/>
              <a:gd name="connsiteY0" fmla="*/ 0 h 2116975"/>
              <a:gd name="connsiteX1" fmla="*/ 99753 w 1313411"/>
              <a:gd name="connsiteY1" fmla="*/ 60960 h 2116975"/>
              <a:gd name="connsiteX2" fmla="*/ 94211 w 1313411"/>
              <a:gd name="connsiteY2" fmla="*/ 99753 h 2116975"/>
              <a:gd name="connsiteX3" fmla="*/ 72043 w 1313411"/>
              <a:gd name="connsiteY3" fmla="*/ 138545 h 2116975"/>
              <a:gd name="connsiteX4" fmla="*/ 83127 w 1313411"/>
              <a:gd name="connsiteY4" fmla="*/ 193964 h 2116975"/>
              <a:gd name="connsiteX5" fmla="*/ 0 w 1313411"/>
              <a:gd name="connsiteY5" fmla="*/ 254924 h 2116975"/>
              <a:gd name="connsiteX6" fmla="*/ 0 w 1313411"/>
              <a:gd name="connsiteY6" fmla="*/ 299258 h 2116975"/>
              <a:gd name="connsiteX7" fmla="*/ 38793 w 1313411"/>
              <a:gd name="connsiteY7" fmla="*/ 387927 h 2116975"/>
              <a:gd name="connsiteX8" fmla="*/ 38793 w 1313411"/>
              <a:gd name="connsiteY8" fmla="*/ 426720 h 2116975"/>
              <a:gd name="connsiteX9" fmla="*/ 22167 w 1313411"/>
              <a:gd name="connsiteY9" fmla="*/ 576349 h 2116975"/>
              <a:gd name="connsiteX10" fmla="*/ 49876 w 1313411"/>
              <a:gd name="connsiteY10" fmla="*/ 670560 h 2116975"/>
              <a:gd name="connsiteX11" fmla="*/ 77585 w 1313411"/>
              <a:gd name="connsiteY11" fmla="*/ 703811 h 2116975"/>
              <a:gd name="connsiteX12" fmla="*/ 83127 w 1313411"/>
              <a:gd name="connsiteY12" fmla="*/ 742604 h 2116975"/>
              <a:gd name="connsiteX13" fmla="*/ 72043 w 1313411"/>
              <a:gd name="connsiteY13" fmla="*/ 814647 h 2116975"/>
              <a:gd name="connsiteX14" fmla="*/ 121920 w 1313411"/>
              <a:gd name="connsiteY14" fmla="*/ 825731 h 2116975"/>
              <a:gd name="connsiteX15" fmla="*/ 144087 w 1313411"/>
              <a:gd name="connsiteY15" fmla="*/ 825731 h 2116975"/>
              <a:gd name="connsiteX16" fmla="*/ 166254 w 1313411"/>
              <a:gd name="connsiteY16" fmla="*/ 792480 h 2116975"/>
              <a:gd name="connsiteX17" fmla="*/ 182880 w 1313411"/>
              <a:gd name="connsiteY17" fmla="*/ 781396 h 2116975"/>
              <a:gd name="connsiteX18" fmla="*/ 193963 w 1313411"/>
              <a:gd name="connsiteY18" fmla="*/ 825731 h 2116975"/>
              <a:gd name="connsiteX19" fmla="*/ 188422 w 1313411"/>
              <a:gd name="connsiteY19" fmla="*/ 875607 h 2116975"/>
              <a:gd name="connsiteX20" fmla="*/ 182880 w 1313411"/>
              <a:gd name="connsiteY20" fmla="*/ 892233 h 2116975"/>
              <a:gd name="connsiteX21" fmla="*/ 149629 w 1313411"/>
              <a:gd name="connsiteY21" fmla="*/ 886691 h 2116975"/>
              <a:gd name="connsiteX22" fmla="*/ 133003 w 1313411"/>
              <a:gd name="connsiteY22" fmla="*/ 942109 h 2116975"/>
              <a:gd name="connsiteX23" fmla="*/ 144087 w 1313411"/>
              <a:gd name="connsiteY23" fmla="*/ 997527 h 2116975"/>
              <a:gd name="connsiteX24" fmla="*/ 171796 w 1313411"/>
              <a:gd name="connsiteY24" fmla="*/ 1025236 h 2116975"/>
              <a:gd name="connsiteX25" fmla="*/ 205047 w 1313411"/>
              <a:gd name="connsiteY25" fmla="*/ 1064029 h 2116975"/>
              <a:gd name="connsiteX26" fmla="*/ 205047 w 1313411"/>
              <a:gd name="connsiteY26" fmla="*/ 1102822 h 2116975"/>
              <a:gd name="connsiteX27" fmla="*/ 182880 w 1313411"/>
              <a:gd name="connsiteY27" fmla="*/ 1119447 h 2116975"/>
              <a:gd name="connsiteX28" fmla="*/ 182880 w 1313411"/>
              <a:gd name="connsiteY28" fmla="*/ 1119447 h 2116975"/>
              <a:gd name="connsiteX29" fmla="*/ 238298 w 1313411"/>
              <a:gd name="connsiteY29" fmla="*/ 1230284 h 2116975"/>
              <a:gd name="connsiteX30" fmla="*/ 249382 w 1313411"/>
              <a:gd name="connsiteY30" fmla="*/ 1318953 h 2116975"/>
              <a:gd name="connsiteX31" fmla="*/ 282633 w 1313411"/>
              <a:gd name="connsiteY31" fmla="*/ 1341120 h 2116975"/>
              <a:gd name="connsiteX32" fmla="*/ 282633 w 1313411"/>
              <a:gd name="connsiteY32" fmla="*/ 1341120 h 2116975"/>
              <a:gd name="connsiteX33" fmla="*/ 304800 w 1313411"/>
              <a:gd name="connsiteY33" fmla="*/ 1390996 h 2116975"/>
              <a:gd name="connsiteX34" fmla="*/ 321425 w 1313411"/>
              <a:gd name="connsiteY34" fmla="*/ 1418705 h 2116975"/>
              <a:gd name="connsiteX35" fmla="*/ 326967 w 1313411"/>
              <a:gd name="connsiteY35" fmla="*/ 1463040 h 2116975"/>
              <a:gd name="connsiteX36" fmla="*/ 299258 w 1313411"/>
              <a:gd name="connsiteY36" fmla="*/ 1507375 h 2116975"/>
              <a:gd name="connsiteX37" fmla="*/ 315883 w 1313411"/>
              <a:gd name="connsiteY37" fmla="*/ 1546167 h 2116975"/>
              <a:gd name="connsiteX38" fmla="*/ 410094 w 1313411"/>
              <a:gd name="connsiteY38" fmla="*/ 1612669 h 2116975"/>
              <a:gd name="connsiteX39" fmla="*/ 459971 w 1313411"/>
              <a:gd name="connsiteY39" fmla="*/ 1623753 h 2116975"/>
              <a:gd name="connsiteX40" fmla="*/ 465513 w 1313411"/>
              <a:gd name="connsiteY40" fmla="*/ 1607127 h 2116975"/>
              <a:gd name="connsiteX41" fmla="*/ 465513 w 1313411"/>
              <a:gd name="connsiteY41" fmla="*/ 1607127 h 2116975"/>
              <a:gd name="connsiteX42" fmla="*/ 543098 w 1313411"/>
              <a:gd name="connsiteY42" fmla="*/ 1712422 h 2116975"/>
              <a:gd name="connsiteX43" fmla="*/ 604058 w 1313411"/>
              <a:gd name="connsiteY43" fmla="*/ 1734589 h 2116975"/>
              <a:gd name="connsiteX44" fmla="*/ 604058 w 1313411"/>
              <a:gd name="connsiteY44" fmla="*/ 1734589 h 2116975"/>
              <a:gd name="connsiteX45" fmla="*/ 642851 w 1313411"/>
              <a:gd name="connsiteY45" fmla="*/ 1795549 h 2116975"/>
              <a:gd name="connsiteX46" fmla="*/ 703811 w 1313411"/>
              <a:gd name="connsiteY46" fmla="*/ 1834342 h 2116975"/>
              <a:gd name="connsiteX47" fmla="*/ 775854 w 1313411"/>
              <a:gd name="connsiteY47" fmla="*/ 1923011 h 2116975"/>
              <a:gd name="connsiteX48" fmla="*/ 786938 w 1313411"/>
              <a:gd name="connsiteY48" fmla="*/ 2017222 h 2116975"/>
              <a:gd name="connsiteX49" fmla="*/ 803563 w 1313411"/>
              <a:gd name="connsiteY49" fmla="*/ 2050473 h 2116975"/>
              <a:gd name="connsiteX50" fmla="*/ 809105 w 1313411"/>
              <a:gd name="connsiteY50" fmla="*/ 2083724 h 2116975"/>
              <a:gd name="connsiteX51" fmla="*/ 1197033 w 1313411"/>
              <a:gd name="connsiteY51" fmla="*/ 2116975 h 2116975"/>
              <a:gd name="connsiteX52" fmla="*/ 1230283 w 1313411"/>
              <a:gd name="connsiteY52" fmla="*/ 2089265 h 2116975"/>
              <a:gd name="connsiteX53" fmla="*/ 1213658 w 1313411"/>
              <a:gd name="connsiteY53" fmla="*/ 2011680 h 2116975"/>
              <a:gd name="connsiteX54" fmla="*/ 1263534 w 1313411"/>
              <a:gd name="connsiteY54" fmla="*/ 1906385 h 2116975"/>
              <a:gd name="connsiteX55" fmla="*/ 1285702 w 1313411"/>
              <a:gd name="connsiteY55" fmla="*/ 1867593 h 2116975"/>
              <a:gd name="connsiteX56" fmla="*/ 1313411 w 1313411"/>
              <a:gd name="connsiteY56" fmla="*/ 1806633 h 2116975"/>
              <a:gd name="connsiteX57" fmla="*/ 1252451 w 1313411"/>
              <a:gd name="connsiteY57" fmla="*/ 1657004 h 2116975"/>
              <a:gd name="connsiteX58" fmla="*/ 576349 w 1313411"/>
              <a:gd name="connsiteY58" fmla="*/ 714895 h 2116975"/>
              <a:gd name="connsiteX59" fmla="*/ 696710 w 1313411"/>
              <a:gd name="connsiteY59" fmla="*/ 160669 h 2116975"/>
              <a:gd name="connsiteX60" fmla="*/ 99753 w 1313411"/>
              <a:gd name="connsiteY60" fmla="*/ 0 h 2116975"/>
              <a:gd name="connsiteX0" fmla="*/ 99753 w 1313411"/>
              <a:gd name="connsiteY0" fmla="*/ 0 h 2116975"/>
              <a:gd name="connsiteX1" fmla="*/ 99753 w 1313411"/>
              <a:gd name="connsiteY1" fmla="*/ 60960 h 2116975"/>
              <a:gd name="connsiteX2" fmla="*/ 94211 w 1313411"/>
              <a:gd name="connsiteY2" fmla="*/ 99753 h 2116975"/>
              <a:gd name="connsiteX3" fmla="*/ 72043 w 1313411"/>
              <a:gd name="connsiteY3" fmla="*/ 138545 h 2116975"/>
              <a:gd name="connsiteX4" fmla="*/ 83127 w 1313411"/>
              <a:gd name="connsiteY4" fmla="*/ 193964 h 2116975"/>
              <a:gd name="connsiteX5" fmla="*/ 0 w 1313411"/>
              <a:gd name="connsiteY5" fmla="*/ 254924 h 2116975"/>
              <a:gd name="connsiteX6" fmla="*/ 0 w 1313411"/>
              <a:gd name="connsiteY6" fmla="*/ 299258 h 2116975"/>
              <a:gd name="connsiteX7" fmla="*/ 38793 w 1313411"/>
              <a:gd name="connsiteY7" fmla="*/ 387927 h 2116975"/>
              <a:gd name="connsiteX8" fmla="*/ 38793 w 1313411"/>
              <a:gd name="connsiteY8" fmla="*/ 426720 h 2116975"/>
              <a:gd name="connsiteX9" fmla="*/ 22167 w 1313411"/>
              <a:gd name="connsiteY9" fmla="*/ 576349 h 2116975"/>
              <a:gd name="connsiteX10" fmla="*/ 49876 w 1313411"/>
              <a:gd name="connsiteY10" fmla="*/ 670560 h 2116975"/>
              <a:gd name="connsiteX11" fmla="*/ 77585 w 1313411"/>
              <a:gd name="connsiteY11" fmla="*/ 703811 h 2116975"/>
              <a:gd name="connsiteX12" fmla="*/ 83127 w 1313411"/>
              <a:gd name="connsiteY12" fmla="*/ 742604 h 2116975"/>
              <a:gd name="connsiteX13" fmla="*/ 72043 w 1313411"/>
              <a:gd name="connsiteY13" fmla="*/ 814647 h 2116975"/>
              <a:gd name="connsiteX14" fmla="*/ 121920 w 1313411"/>
              <a:gd name="connsiteY14" fmla="*/ 825731 h 2116975"/>
              <a:gd name="connsiteX15" fmla="*/ 144087 w 1313411"/>
              <a:gd name="connsiteY15" fmla="*/ 825731 h 2116975"/>
              <a:gd name="connsiteX16" fmla="*/ 166254 w 1313411"/>
              <a:gd name="connsiteY16" fmla="*/ 792480 h 2116975"/>
              <a:gd name="connsiteX17" fmla="*/ 182880 w 1313411"/>
              <a:gd name="connsiteY17" fmla="*/ 781396 h 2116975"/>
              <a:gd name="connsiteX18" fmla="*/ 193963 w 1313411"/>
              <a:gd name="connsiteY18" fmla="*/ 825731 h 2116975"/>
              <a:gd name="connsiteX19" fmla="*/ 188422 w 1313411"/>
              <a:gd name="connsiteY19" fmla="*/ 875607 h 2116975"/>
              <a:gd name="connsiteX20" fmla="*/ 182880 w 1313411"/>
              <a:gd name="connsiteY20" fmla="*/ 892233 h 2116975"/>
              <a:gd name="connsiteX21" fmla="*/ 149629 w 1313411"/>
              <a:gd name="connsiteY21" fmla="*/ 886691 h 2116975"/>
              <a:gd name="connsiteX22" fmla="*/ 133003 w 1313411"/>
              <a:gd name="connsiteY22" fmla="*/ 942109 h 2116975"/>
              <a:gd name="connsiteX23" fmla="*/ 144087 w 1313411"/>
              <a:gd name="connsiteY23" fmla="*/ 997527 h 2116975"/>
              <a:gd name="connsiteX24" fmla="*/ 171796 w 1313411"/>
              <a:gd name="connsiteY24" fmla="*/ 1025236 h 2116975"/>
              <a:gd name="connsiteX25" fmla="*/ 205047 w 1313411"/>
              <a:gd name="connsiteY25" fmla="*/ 1064029 h 2116975"/>
              <a:gd name="connsiteX26" fmla="*/ 205047 w 1313411"/>
              <a:gd name="connsiteY26" fmla="*/ 1102822 h 2116975"/>
              <a:gd name="connsiteX27" fmla="*/ 182880 w 1313411"/>
              <a:gd name="connsiteY27" fmla="*/ 1119447 h 2116975"/>
              <a:gd name="connsiteX28" fmla="*/ 182880 w 1313411"/>
              <a:gd name="connsiteY28" fmla="*/ 1119447 h 2116975"/>
              <a:gd name="connsiteX29" fmla="*/ 238298 w 1313411"/>
              <a:gd name="connsiteY29" fmla="*/ 1230284 h 2116975"/>
              <a:gd name="connsiteX30" fmla="*/ 249382 w 1313411"/>
              <a:gd name="connsiteY30" fmla="*/ 1318953 h 2116975"/>
              <a:gd name="connsiteX31" fmla="*/ 282633 w 1313411"/>
              <a:gd name="connsiteY31" fmla="*/ 1341120 h 2116975"/>
              <a:gd name="connsiteX32" fmla="*/ 282633 w 1313411"/>
              <a:gd name="connsiteY32" fmla="*/ 1341120 h 2116975"/>
              <a:gd name="connsiteX33" fmla="*/ 304800 w 1313411"/>
              <a:gd name="connsiteY33" fmla="*/ 1390996 h 2116975"/>
              <a:gd name="connsiteX34" fmla="*/ 321425 w 1313411"/>
              <a:gd name="connsiteY34" fmla="*/ 1418705 h 2116975"/>
              <a:gd name="connsiteX35" fmla="*/ 326967 w 1313411"/>
              <a:gd name="connsiteY35" fmla="*/ 1463040 h 2116975"/>
              <a:gd name="connsiteX36" fmla="*/ 299258 w 1313411"/>
              <a:gd name="connsiteY36" fmla="*/ 1507375 h 2116975"/>
              <a:gd name="connsiteX37" fmla="*/ 315883 w 1313411"/>
              <a:gd name="connsiteY37" fmla="*/ 1546167 h 2116975"/>
              <a:gd name="connsiteX38" fmla="*/ 410094 w 1313411"/>
              <a:gd name="connsiteY38" fmla="*/ 1612669 h 2116975"/>
              <a:gd name="connsiteX39" fmla="*/ 459971 w 1313411"/>
              <a:gd name="connsiteY39" fmla="*/ 1623753 h 2116975"/>
              <a:gd name="connsiteX40" fmla="*/ 465513 w 1313411"/>
              <a:gd name="connsiteY40" fmla="*/ 1607127 h 2116975"/>
              <a:gd name="connsiteX41" fmla="*/ 465513 w 1313411"/>
              <a:gd name="connsiteY41" fmla="*/ 1607127 h 2116975"/>
              <a:gd name="connsiteX42" fmla="*/ 543098 w 1313411"/>
              <a:gd name="connsiteY42" fmla="*/ 1712422 h 2116975"/>
              <a:gd name="connsiteX43" fmla="*/ 604058 w 1313411"/>
              <a:gd name="connsiteY43" fmla="*/ 1734589 h 2116975"/>
              <a:gd name="connsiteX44" fmla="*/ 604058 w 1313411"/>
              <a:gd name="connsiteY44" fmla="*/ 1734589 h 2116975"/>
              <a:gd name="connsiteX45" fmla="*/ 642851 w 1313411"/>
              <a:gd name="connsiteY45" fmla="*/ 1795549 h 2116975"/>
              <a:gd name="connsiteX46" fmla="*/ 703811 w 1313411"/>
              <a:gd name="connsiteY46" fmla="*/ 1834342 h 2116975"/>
              <a:gd name="connsiteX47" fmla="*/ 775854 w 1313411"/>
              <a:gd name="connsiteY47" fmla="*/ 1923011 h 2116975"/>
              <a:gd name="connsiteX48" fmla="*/ 786938 w 1313411"/>
              <a:gd name="connsiteY48" fmla="*/ 2017222 h 2116975"/>
              <a:gd name="connsiteX49" fmla="*/ 803563 w 1313411"/>
              <a:gd name="connsiteY49" fmla="*/ 2050473 h 2116975"/>
              <a:gd name="connsiteX50" fmla="*/ 809105 w 1313411"/>
              <a:gd name="connsiteY50" fmla="*/ 2083724 h 2116975"/>
              <a:gd name="connsiteX51" fmla="*/ 1197033 w 1313411"/>
              <a:gd name="connsiteY51" fmla="*/ 2116975 h 2116975"/>
              <a:gd name="connsiteX52" fmla="*/ 1230283 w 1313411"/>
              <a:gd name="connsiteY52" fmla="*/ 2089265 h 2116975"/>
              <a:gd name="connsiteX53" fmla="*/ 1213658 w 1313411"/>
              <a:gd name="connsiteY53" fmla="*/ 2011680 h 2116975"/>
              <a:gd name="connsiteX54" fmla="*/ 1263534 w 1313411"/>
              <a:gd name="connsiteY54" fmla="*/ 1906385 h 2116975"/>
              <a:gd name="connsiteX55" fmla="*/ 1285702 w 1313411"/>
              <a:gd name="connsiteY55" fmla="*/ 1867593 h 2116975"/>
              <a:gd name="connsiteX56" fmla="*/ 1313411 w 1313411"/>
              <a:gd name="connsiteY56" fmla="*/ 1806633 h 2116975"/>
              <a:gd name="connsiteX57" fmla="*/ 1252451 w 1313411"/>
              <a:gd name="connsiteY57" fmla="*/ 1657004 h 2116975"/>
              <a:gd name="connsiteX58" fmla="*/ 576349 w 1313411"/>
              <a:gd name="connsiteY58" fmla="*/ 714895 h 2116975"/>
              <a:gd name="connsiteX59" fmla="*/ 696710 w 1313411"/>
              <a:gd name="connsiteY59" fmla="*/ 160669 h 2116975"/>
              <a:gd name="connsiteX60" fmla="*/ 264016 w 1313411"/>
              <a:gd name="connsiteY60" fmla="*/ 45720 h 2116975"/>
              <a:gd name="connsiteX61" fmla="*/ 99753 w 1313411"/>
              <a:gd name="connsiteY61" fmla="*/ 0 h 2116975"/>
              <a:gd name="connsiteX0" fmla="*/ 99753 w 1313411"/>
              <a:gd name="connsiteY0" fmla="*/ 0 h 2116975"/>
              <a:gd name="connsiteX1" fmla="*/ 99753 w 1313411"/>
              <a:gd name="connsiteY1" fmla="*/ 60960 h 2116975"/>
              <a:gd name="connsiteX2" fmla="*/ 94211 w 1313411"/>
              <a:gd name="connsiteY2" fmla="*/ 99753 h 2116975"/>
              <a:gd name="connsiteX3" fmla="*/ 72043 w 1313411"/>
              <a:gd name="connsiteY3" fmla="*/ 138545 h 2116975"/>
              <a:gd name="connsiteX4" fmla="*/ 83127 w 1313411"/>
              <a:gd name="connsiteY4" fmla="*/ 193964 h 2116975"/>
              <a:gd name="connsiteX5" fmla="*/ 0 w 1313411"/>
              <a:gd name="connsiteY5" fmla="*/ 254924 h 2116975"/>
              <a:gd name="connsiteX6" fmla="*/ 0 w 1313411"/>
              <a:gd name="connsiteY6" fmla="*/ 299258 h 2116975"/>
              <a:gd name="connsiteX7" fmla="*/ 38793 w 1313411"/>
              <a:gd name="connsiteY7" fmla="*/ 387927 h 2116975"/>
              <a:gd name="connsiteX8" fmla="*/ 38793 w 1313411"/>
              <a:gd name="connsiteY8" fmla="*/ 426720 h 2116975"/>
              <a:gd name="connsiteX9" fmla="*/ 22167 w 1313411"/>
              <a:gd name="connsiteY9" fmla="*/ 576349 h 2116975"/>
              <a:gd name="connsiteX10" fmla="*/ 49876 w 1313411"/>
              <a:gd name="connsiteY10" fmla="*/ 670560 h 2116975"/>
              <a:gd name="connsiteX11" fmla="*/ 77585 w 1313411"/>
              <a:gd name="connsiteY11" fmla="*/ 703811 h 2116975"/>
              <a:gd name="connsiteX12" fmla="*/ 83127 w 1313411"/>
              <a:gd name="connsiteY12" fmla="*/ 742604 h 2116975"/>
              <a:gd name="connsiteX13" fmla="*/ 72043 w 1313411"/>
              <a:gd name="connsiteY13" fmla="*/ 814647 h 2116975"/>
              <a:gd name="connsiteX14" fmla="*/ 121920 w 1313411"/>
              <a:gd name="connsiteY14" fmla="*/ 825731 h 2116975"/>
              <a:gd name="connsiteX15" fmla="*/ 144087 w 1313411"/>
              <a:gd name="connsiteY15" fmla="*/ 825731 h 2116975"/>
              <a:gd name="connsiteX16" fmla="*/ 166254 w 1313411"/>
              <a:gd name="connsiteY16" fmla="*/ 792480 h 2116975"/>
              <a:gd name="connsiteX17" fmla="*/ 182880 w 1313411"/>
              <a:gd name="connsiteY17" fmla="*/ 781396 h 2116975"/>
              <a:gd name="connsiteX18" fmla="*/ 193963 w 1313411"/>
              <a:gd name="connsiteY18" fmla="*/ 825731 h 2116975"/>
              <a:gd name="connsiteX19" fmla="*/ 188422 w 1313411"/>
              <a:gd name="connsiteY19" fmla="*/ 875607 h 2116975"/>
              <a:gd name="connsiteX20" fmla="*/ 182880 w 1313411"/>
              <a:gd name="connsiteY20" fmla="*/ 892233 h 2116975"/>
              <a:gd name="connsiteX21" fmla="*/ 149629 w 1313411"/>
              <a:gd name="connsiteY21" fmla="*/ 886691 h 2116975"/>
              <a:gd name="connsiteX22" fmla="*/ 133003 w 1313411"/>
              <a:gd name="connsiteY22" fmla="*/ 942109 h 2116975"/>
              <a:gd name="connsiteX23" fmla="*/ 144087 w 1313411"/>
              <a:gd name="connsiteY23" fmla="*/ 997527 h 2116975"/>
              <a:gd name="connsiteX24" fmla="*/ 171796 w 1313411"/>
              <a:gd name="connsiteY24" fmla="*/ 1025236 h 2116975"/>
              <a:gd name="connsiteX25" fmla="*/ 205047 w 1313411"/>
              <a:gd name="connsiteY25" fmla="*/ 1064029 h 2116975"/>
              <a:gd name="connsiteX26" fmla="*/ 205047 w 1313411"/>
              <a:gd name="connsiteY26" fmla="*/ 1102822 h 2116975"/>
              <a:gd name="connsiteX27" fmla="*/ 182880 w 1313411"/>
              <a:gd name="connsiteY27" fmla="*/ 1119447 h 2116975"/>
              <a:gd name="connsiteX28" fmla="*/ 182880 w 1313411"/>
              <a:gd name="connsiteY28" fmla="*/ 1119447 h 2116975"/>
              <a:gd name="connsiteX29" fmla="*/ 238298 w 1313411"/>
              <a:gd name="connsiteY29" fmla="*/ 1230284 h 2116975"/>
              <a:gd name="connsiteX30" fmla="*/ 249382 w 1313411"/>
              <a:gd name="connsiteY30" fmla="*/ 1318953 h 2116975"/>
              <a:gd name="connsiteX31" fmla="*/ 282633 w 1313411"/>
              <a:gd name="connsiteY31" fmla="*/ 1341120 h 2116975"/>
              <a:gd name="connsiteX32" fmla="*/ 282633 w 1313411"/>
              <a:gd name="connsiteY32" fmla="*/ 1341120 h 2116975"/>
              <a:gd name="connsiteX33" fmla="*/ 304800 w 1313411"/>
              <a:gd name="connsiteY33" fmla="*/ 1390996 h 2116975"/>
              <a:gd name="connsiteX34" fmla="*/ 321425 w 1313411"/>
              <a:gd name="connsiteY34" fmla="*/ 1418705 h 2116975"/>
              <a:gd name="connsiteX35" fmla="*/ 326967 w 1313411"/>
              <a:gd name="connsiteY35" fmla="*/ 1463040 h 2116975"/>
              <a:gd name="connsiteX36" fmla="*/ 299258 w 1313411"/>
              <a:gd name="connsiteY36" fmla="*/ 1507375 h 2116975"/>
              <a:gd name="connsiteX37" fmla="*/ 315883 w 1313411"/>
              <a:gd name="connsiteY37" fmla="*/ 1546167 h 2116975"/>
              <a:gd name="connsiteX38" fmla="*/ 410094 w 1313411"/>
              <a:gd name="connsiteY38" fmla="*/ 1612669 h 2116975"/>
              <a:gd name="connsiteX39" fmla="*/ 459971 w 1313411"/>
              <a:gd name="connsiteY39" fmla="*/ 1623753 h 2116975"/>
              <a:gd name="connsiteX40" fmla="*/ 465513 w 1313411"/>
              <a:gd name="connsiteY40" fmla="*/ 1607127 h 2116975"/>
              <a:gd name="connsiteX41" fmla="*/ 465513 w 1313411"/>
              <a:gd name="connsiteY41" fmla="*/ 1607127 h 2116975"/>
              <a:gd name="connsiteX42" fmla="*/ 543098 w 1313411"/>
              <a:gd name="connsiteY42" fmla="*/ 1712422 h 2116975"/>
              <a:gd name="connsiteX43" fmla="*/ 604058 w 1313411"/>
              <a:gd name="connsiteY43" fmla="*/ 1734589 h 2116975"/>
              <a:gd name="connsiteX44" fmla="*/ 604058 w 1313411"/>
              <a:gd name="connsiteY44" fmla="*/ 1734589 h 2116975"/>
              <a:gd name="connsiteX45" fmla="*/ 642851 w 1313411"/>
              <a:gd name="connsiteY45" fmla="*/ 1795549 h 2116975"/>
              <a:gd name="connsiteX46" fmla="*/ 703811 w 1313411"/>
              <a:gd name="connsiteY46" fmla="*/ 1834342 h 2116975"/>
              <a:gd name="connsiteX47" fmla="*/ 775854 w 1313411"/>
              <a:gd name="connsiteY47" fmla="*/ 1923011 h 2116975"/>
              <a:gd name="connsiteX48" fmla="*/ 786938 w 1313411"/>
              <a:gd name="connsiteY48" fmla="*/ 2017222 h 2116975"/>
              <a:gd name="connsiteX49" fmla="*/ 803563 w 1313411"/>
              <a:gd name="connsiteY49" fmla="*/ 2050473 h 2116975"/>
              <a:gd name="connsiteX50" fmla="*/ 809105 w 1313411"/>
              <a:gd name="connsiteY50" fmla="*/ 2083724 h 2116975"/>
              <a:gd name="connsiteX51" fmla="*/ 1197033 w 1313411"/>
              <a:gd name="connsiteY51" fmla="*/ 2116975 h 2116975"/>
              <a:gd name="connsiteX52" fmla="*/ 1230283 w 1313411"/>
              <a:gd name="connsiteY52" fmla="*/ 2089265 h 2116975"/>
              <a:gd name="connsiteX53" fmla="*/ 1213658 w 1313411"/>
              <a:gd name="connsiteY53" fmla="*/ 2011680 h 2116975"/>
              <a:gd name="connsiteX54" fmla="*/ 1263534 w 1313411"/>
              <a:gd name="connsiteY54" fmla="*/ 1906385 h 2116975"/>
              <a:gd name="connsiteX55" fmla="*/ 1285702 w 1313411"/>
              <a:gd name="connsiteY55" fmla="*/ 1867593 h 2116975"/>
              <a:gd name="connsiteX56" fmla="*/ 1313411 w 1313411"/>
              <a:gd name="connsiteY56" fmla="*/ 1806633 h 2116975"/>
              <a:gd name="connsiteX57" fmla="*/ 1252451 w 1313411"/>
              <a:gd name="connsiteY57" fmla="*/ 1657004 h 2116975"/>
              <a:gd name="connsiteX58" fmla="*/ 576349 w 1313411"/>
              <a:gd name="connsiteY58" fmla="*/ 714895 h 2116975"/>
              <a:gd name="connsiteX59" fmla="*/ 696710 w 1313411"/>
              <a:gd name="connsiteY59" fmla="*/ 160669 h 2116975"/>
              <a:gd name="connsiteX60" fmla="*/ 256872 w 1313411"/>
              <a:gd name="connsiteY60" fmla="*/ 36195 h 2116975"/>
              <a:gd name="connsiteX61" fmla="*/ 99753 w 1313411"/>
              <a:gd name="connsiteY61" fmla="*/ 0 h 2116975"/>
              <a:gd name="connsiteX0" fmla="*/ 106896 w 1313411"/>
              <a:gd name="connsiteY0" fmla="*/ 0 h 2124119"/>
              <a:gd name="connsiteX1" fmla="*/ 99753 w 1313411"/>
              <a:gd name="connsiteY1" fmla="*/ 68104 h 2124119"/>
              <a:gd name="connsiteX2" fmla="*/ 94211 w 1313411"/>
              <a:gd name="connsiteY2" fmla="*/ 106897 h 2124119"/>
              <a:gd name="connsiteX3" fmla="*/ 72043 w 1313411"/>
              <a:gd name="connsiteY3" fmla="*/ 145689 h 2124119"/>
              <a:gd name="connsiteX4" fmla="*/ 83127 w 1313411"/>
              <a:gd name="connsiteY4" fmla="*/ 201108 h 2124119"/>
              <a:gd name="connsiteX5" fmla="*/ 0 w 1313411"/>
              <a:gd name="connsiteY5" fmla="*/ 262068 h 2124119"/>
              <a:gd name="connsiteX6" fmla="*/ 0 w 1313411"/>
              <a:gd name="connsiteY6" fmla="*/ 306402 h 2124119"/>
              <a:gd name="connsiteX7" fmla="*/ 38793 w 1313411"/>
              <a:gd name="connsiteY7" fmla="*/ 395071 h 2124119"/>
              <a:gd name="connsiteX8" fmla="*/ 38793 w 1313411"/>
              <a:gd name="connsiteY8" fmla="*/ 433864 h 2124119"/>
              <a:gd name="connsiteX9" fmla="*/ 22167 w 1313411"/>
              <a:gd name="connsiteY9" fmla="*/ 583493 h 2124119"/>
              <a:gd name="connsiteX10" fmla="*/ 49876 w 1313411"/>
              <a:gd name="connsiteY10" fmla="*/ 677704 h 2124119"/>
              <a:gd name="connsiteX11" fmla="*/ 77585 w 1313411"/>
              <a:gd name="connsiteY11" fmla="*/ 710955 h 2124119"/>
              <a:gd name="connsiteX12" fmla="*/ 83127 w 1313411"/>
              <a:gd name="connsiteY12" fmla="*/ 749748 h 2124119"/>
              <a:gd name="connsiteX13" fmla="*/ 72043 w 1313411"/>
              <a:gd name="connsiteY13" fmla="*/ 821791 h 2124119"/>
              <a:gd name="connsiteX14" fmla="*/ 121920 w 1313411"/>
              <a:gd name="connsiteY14" fmla="*/ 832875 h 2124119"/>
              <a:gd name="connsiteX15" fmla="*/ 144087 w 1313411"/>
              <a:gd name="connsiteY15" fmla="*/ 832875 h 2124119"/>
              <a:gd name="connsiteX16" fmla="*/ 166254 w 1313411"/>
              <a:gd name="connsiteY16" fmla="*/ 799624 h 2124119"/>
              <a:gd name="connsiteX17" fmla="*/ 182880 w 1313411"/>
              <a:gd name="connsiteY17" fmla="*/ 788540 h 2124119"/>
              <a:gd name="connsiteX18" fmla="*/ 193963 w 1313411"/>
              <a:gd name="connsiteY18" fmla="*/ 832875 h 2124119"/>
              <a:gd name="connsiteX19" fmla="*/ 188422 w 1313411"/>
              <a:gd name="connsiteY19" fmla="*/ 882751 h 2124119"/>
              <a:gd name="connsiteX20" fmla="*/ 182880 w 1313411"/>
              <a:gd name="connsiteY20" fmla="*/ 899377 h 2124119"/>
              <a:gd name="connsiteX21" fmla="*/ 149629 w 1313411"/>
              <a:gd name="connsiteY21" fmla="*/ 893835 h 2124119"/>
              <a:gd name="connsiteX22" fmla="*/ 133003 w 1313411"/>
              <a:gd name="connsiteY22" fmla="*/ 949253 h 2124119"/>
              <a:gd name="connsiteX23" fmla="*/ 144087 w 1313411"/>
              <a:gd name="connsiteY23" fmla="*/ 1004671 h 2124119"/>
              <a:gd name="connsiteX24" fmla="*/ 171796 w 1313411"/>
              <a:gd name="connsiteY24" fmla="*/ 1032380 h 2124119"/>
              <a:gd name="connsiteX25" fmla="*/ 205047 w 1313411"/>
              <a:gd name="connsiteY25" fmla="*/ 1071173 h 2124119"/>
              <a:gd name="connsiteX26" fmla="*/ 205047 w 1313411"/>
              <a:gd name="connsiteY26" fmla="*/ 1109966 h 2124119"/>
              <a:gd name="connsiteX27" fmla="*/ 182880 w 1313411"/>
              <a:gd name="connsiteY27" fmla="*/ 1126591 h 2124119"/>
              <a:gd name="connsiteX28" fmla="*/ 182880 w 1313411"/>
              <a:gd name="connsiteY28" fmla="*/ 1126591 h 2124119"/>
              <a:gd name="connsiteX29" fmla="*/ 238298 w 1313411"/>
              <a:gd name="connsiteY29" fmla="*/ 1237428 h 2124119"/>
              <a:gd name="connsiteX30" fmla="*/ 249382 w 1313411"/>
              <a:gd name="connsiteY30" fmla="*/ 1326097 h 2124119"/>
              <a:gd name="connsiteX31" fmla="*/ 282633 w 1313411"/>
              <a:gd name="connsiteY31" fmla="*/ 1348264 h 2124119"/>
              <a:gd name="connsiteX32" fmla="*/ 282633 w 1313411"/>
              <a:gd name="connsiteY32" fmla="*/ 1348264 h 2124119"/>
              <a:gd name="connsiteX33" fmla="*/ 304800 w 1313411"/>
              <a:gd name="connsiteY33" fmla="*/ 1398140 h 2124119"/>
              <a:gd name="connsiteX34" fmla="*/ 321425 w 1313411"/>
              <a:gd name="connsiteY34" fmla="*/ 1425849 h 2124119"/>
              <a:gd name="connsiteX35" fmla="*/ 326967 w 1313411"/>
              <a:gd name="connsiteY35" fmla="*/ 1470184 h 2124119"/>
              <a:gd name="connsiteX36" fmla="*/ 299258 w 1313411"/>
              <a:gd name="connsiteY36" fmla="*/ 1514519 h 2124119"/>
              <a:gd name="connsiteX37" fmla="*/ 315883 w 1313411"/>
              <a:gd name="connsiteY37" fmla="*/ 1553311 h 2124119"/>
              <a:gd name="connsiteX38" fmla="*/ 410094 w 1313411"/>
              <a:gd name="connsiteY38" fmla="*/ 1619813 h 2124119"/>
              <a:gd name="connsiteX39" fmla="*/ 459971 w 1313411"/>
              <a:gd name="connsiteY39" fmla="*/ 1630897 h 2124119"/>
              <a:gd name="connsiteX40" fmla="*/ 465513 w 1313411"/>
              <a:gd name="connsiteY40" fmla="*/ 1614271 h 2124119"/>
              <a:gd name="connsiteX41" fmla="*/ 465513 w 1313411"/>
              <a:gd name="connsiteY41" fmla="*/ 1614271 h 2124119"/>
              <a:gd name="connsiteX42" fmla="*/ 543098 w 1313411"/>
              <a:gd name="connsiteY42" fmla="*/ 1719566 h 2124119"/>
              <a:gd name="connsiteX43" fmla="*/ 604058 w 1313411"/>
              <a:gd name="connsiteY43" fmla="*/ 1741733 h 2124119"/>
              <a:gd name="connsiteX44" fmla="*/ 604058 w 1313411"/>
              <a:gd name="connsiteY44" fmla="*/ 1741733 h 2124119"/>
              <a:gd name="connsiteX45" fmla="*/ 642851 w 1313411"/>
              <a:gd name="connsiteY45" fmla="*/ 1802693 h 2124119"/>
              <a:gd name="connsiteX46" fmla="*/ 703811 w 1313411"/>
              <a:gd name="connsiteY46" fmla="*/ 1841486 h 2124119"/>
              <a:gd name="connsiteX47" fmla="*/ 775854 w 1313411"/>
              <a:gd name="connsiteY47" fmla="*/ 1930155 h 2124119"/>
              <a:gd name="connsiteX48" fmla="*/ 786938 w 1313411"/>
              <a:gd name="connsiteY48" fmla="*/ 2024366 h 2124119"/>
              <a:gd name="connsiteX49" fmla="*/ 803563 w 1313411"/>
              <a:gd name="connsiteY49" fmla="*/ 2057617 h 2124119"/>
              <a:gd name="connsiteX50" fmla="*/ 809105 w 1313411"/>
              <a:gd name="connsiteY50" fmla="*/ 2090868 h 2124119"/>
              <a:gd name="connsiteX51" fmla="*/ 1197033 w 1313411"/>
              <a:gd name="connsiteY51" fmla="*/ 2124119 h 2124119"/>
              <a:gd name="connsiteX52" fmla="*/ 1230283 w 1313411"/>
              <a:gd name="connsiteY52" fmla="*/ 2096409 h 2124119"/>
              <a:gd name="connsiteX53" fmla="*/ 1213658 w 1313411"/>
              <a:gd name="connsiteY53" fmla="*/ 2018824 h 2124119"/>
              <a:gd name="connsiteX54" fmla="*/ 1263534 w 1313411"/>
              <a:gd name="connsiteY54" fmla="*/ 1913529 h 2124119"/>
              <a:gd name="connsiteX55" fmla="*/ 1285702 w 1313411"/>
              <a:gd name="connsiteY55" fmla="*/ 1874737 h 2124119"/>
              <a:gd name="connsiteX56" fmla="*/ 1313411 w 1313411"/>
              <a:gd name="connsiteY56" fmla="*/ 1813777 h 2124119"/>
              <a:gd name="connsiteX57" fmla="*/ 1252451 w 1313411"/>
              <a:gd name="connsiteY57" fmla="*/ 1664148 h 2124119"/>
              <a:gd name="connsiteX58" fmla="*/ 576349 w 1313411"/>
              <a:gd name="connsiteY58" fmla="*/ 722039 h 2124119"/>
              <a:gd name="connsiteX59" fmla="*/ 696710 w 1313411"/>
              <a:gd name="connsiteY59" fmla="*/ 167813 h 2124119"/>
              <a:gd name="connsiteX60" fmla="*/ 256872 w 1313411"/>
              <a:gd name="connsiteY60" fmla="*/ 43339 h 2124119"/>
              <a:gd name="connsiteX61" fmla="*/ 106896 w 1313411"/>
              <a:gd name="connsiteY61" fmla="*/ 0 h 2124119"/>
              <a:gd name="connsiteX0" fmla="*/ 106896 w 1313411"/>
              <a:gd name="connsiteY0" fmla="*/ 0 h 2124119"/>
              <a:gd name="connsiteX1" fmla="*/ 102091 w 1313411"/>
              <a:gd name="connsiteY1" fmla="*/ 29052 h 2124119"/>
              <a:gd name="connsiteX2" fmla="*/ 99753 w 1313411"/>
              <a:gd name="connsiteY2" fmla="*/ 68104 h 2124119"/>
              <a:gd name="connsiteX3" fmla="*/ 94211 w 1313411"/>
              <a:gd name="connsiteY3" fmla="*/ 106897 h 2124119"/>
              <a:gd name="connsiteX4" fmla="*/ 72043 w 1313411"/>
              <a:gd name="connsiteY4" fmla="*/ 145689 h 2124119"/>
              <a:gd name="connsiteX5" fmla="*/ 83127 w 1313411"/>
              <a:gd name="connsiteY5" fmla="*/ 201108 h 2124119"/>
              <a:gd name="connsiteX6" fmla="*/ 0 w 1313411"/>
              <a:gd name="connsiteY6" fmla="*/ 262068 h 2124119"/>
              <a:gd name="connsiteX7" fmla="*/ 0 w 1313411"/>
              <a:gd name="connsiteY7" fmla="*/ 306402 h 2124119"/>
              <a:gd name="connsiteX8" fmla="*/ 38793 w 1313411"/>
              <a:gd name="connsiteY8" fmla="*/ 395071 h 2124119"/>
              <a:gd name="connsiteX9" fmla="*/ 38793 w 1313411"/>
              <a:gd name="connsiteY9" fmla="*/ 433864 h 2124119"/>
              <a:gd name="connsiteX10" fmla="*/ 22167 w 1313411"/>
              <a:gd name="connsiteY10" fmla="*/ 583493 h 2124119"/>
              <a:gd name="connsiteX11" fmla="*/ 49876 w 1313411"/>
              <a:gd name="connsiteY11" fmla="*/ 677704 h 2124119"/>
              <a:gd name="connsiteX12" fmla="*/ 77585 w 1313411"/>
              <a:gd name="connsiteY12" fmla="*/ 710955 h 2124119"/>
              <a:gd name="connsiteX13" fmla="*/ 83127 w 1313411"/>
              <a:gd name="connsiteY13" fmla="*/ 749748 h 2124119"/>
              <a:gd name="connsiteX14" fmla="*/ 72043 w 1313411"/>
              <a:gd name="connsiteY14" fmla="*/ 821791 h 2124119"/>
              <a:gd name="connsiteX15" fmla="*/ 121920 w 1313411"/>
              <a:gd name="connsiteY15" fmla="*/ 832875 h 2124119"/>
              <a:gd name="connsiteX16" fmla="*/ 144087 w 1313411"/>
              <a:gd name="connsiteY16" fmla="*/ 832875 h 2124119"/>
              <a:gd name="connsiteX17" fmla="*/ 166254 w 1313411"/>
              <a:gd name="connsiteY17" fmla="*/ 799624 h 2124119"/>
              <a:gd name="connsiteX18" fmla="*/ 182880 w 1313411"/>
              <a:gd name="connsiteY18" fmla="*/ 788540 h 2124119"/>
              <a:gd name="connsiteX19" fmla="*/ 193963 w 1313411"/>
              <a:gd name="connsiteY19" fmla="*/ 832875 h 2124119"/>
              <a:gd name="connsiteX20" fmla="*/ 188422 w 1313411"/>
              <a:gd name="connsiteY20" fmla="*/ 882751 h 2124119"/>
              <a:gd name="connsiteX21" fmla="*/ 182880 w 1313411"/>
              <a:gd name="connsiteY21" fmla="*/ 899377 h 2124119"/>
              <a:gd name="connsiteX22" fmla="*/ 149629 w 1313411"/>
              <a:gd name="connsiteY22" fmla="*/ 893835 h 2124119"/>
              <a:gd name="connsiteX23" fmla="*/ 133003 w 1313411"/>
              <a:gd name="connsiteY23" fmla="*/ 949253 h 2124119"/>
              <a:gd name="connsiteX24" fmla="*/ 144087 w 1313411"/>
              <a:gd name="connsiteY24" fmla="*/ 1004671 h 2124119"/>
              <a:gd name="connsiteX25" fmla="*/ 171796 w 1313411"/>
              <a:gd name="connsiteY25" fmla="*/ 1032380 h 2124119"/>
              <a:gd name="connsiteX26" fmla="*/ 205047 w 1313411"/>
              <a:gd name="connsiteY26" fmla="*/ 1071173 h 2124119"/>
              <a:gd name="connsiteX27" fmla="*/ 205047 w 1313411"/>
              <a:gd name="connsiteY27" fmla="*/ 1109966 h 2124119"/>
              <a:gd name="connsiteX28" fmla="*/ 182880 w 1313411"/>
              <a:gd name="connsiteY28" fmla="*/ 1126591 h 2124119"/>
              <a:gd name="connsiteX29" fmla="*/ 182880 w 1313411"/>
              <a:gd name="connsiteY29" fmla="*/ 1126591 h 2124119"/>
              <a:gd name="connsiteX30" fmla="*/ 238298 w 1313411"/>
              <a:gd name="connsiteY30" fmla="*/ 1237428 h 2124119"/>
              <a:gd name="connsiteX31" fmla="*/ 249382 w 1313411"/>
              <a:gd name="connsiteY31" fmla="*/ 1326097 h 2124119"/>
              <a:gd name="connsiteX32" fmla="*/ 282633 w 1313411"/>
              <a:gd name="connsiteY32" fmla="*/ 1348264 h 2124119"/>
              <a:gd name="connsiteX33" fmla="*/ 282633 w 1313411"/>
              <a:gd name="connsiteY33" fmla="*/ 1348264 h 2124119"/>
              <a:gd name="connsiteX34" fmla="*/ 304800 w 1313411"/>
              <a:gd name="connsiteY34" fmla="*/ 1398140 h 2124119"/>
              <a:gd name="connsiteX35" fmla="*/ 321425 w 1313411"/>
              <a:gd name="connsiteY35" fmla="*/ 1425849 h 2124119"/>
              <a:gd name="connsiteX36" fmla="*/ 326967 w 1313411"/>
              <a:gd name="connsiteY36" fmla="*/ 1470184 h 2124119"/>
              <a:gd name="connsiteX37" fmla="*/ 299258 w 1313411"/>
              <a:gd name="connsiteY37" fmla="*/ 1514519 h 2124119"/>
              <a:gd name="connsiteX38" fmla="*/ 315883 w 1313411"/>
              <a:gd name="connsiteY38" fmla="*/ 1553311 h 2124119"/>
              <a:gd name="connsiteX39" fmla="*/ 410094 w 1313411"/>
              <a:gd name="connsiteY39" fmla="*/ 1619813 h 2124119"/>
              <a:gd name="connsiteX40" fmla="*/ 459971 w 1313411"/>
              <a:gd name="connsiteY40" fmla="*/ 1630897 h 2124119"/>
              <a:gd name="connsiteX41" fmla="*/ 465513 w 1313411"/>
              <a:gd name="connsiteY41" fmla="*/ 1614271 h 2124119"/>
              <a:gd name="connsiteX42" fmla="*/ 465513 w 1313411"/>
              <a:gd name="connsiteY42" fmla="*/ 1614271 h 2124119"/>
              <a:gd name="connsiteX43" fmla="*/ 543098 w 1313411"/>
              <a:gd name="connsiteY43" fmla="*/ 1719566 h 2124119"/>
              <a:gd name="connsiteX44" fmla="*/ 604058 w 1313411"/>
              <a:gd name="connsiteY44" fmla="*/ 1741733 h 2124119"/>
              <a:gd name="connsiteX45" fmla="*/ 604058 w 1313411"/>
              <a:gd name="connsiteY45" fmla="*/ 1741733 h 2124119"/>
              <a:gd name="connsiteX46" fmla="*/ 642851 w 1313411"/>
              <a:gd name="connsiteY46" fmla="*/ 1802693 h 2124119"/>
              <a:gd name="connsiteX47" fmla="*/ 703811 w 1313411"/>
              <a:gd name="connsiteY47" fmla="*/ 1841486 h 2124119"/>
              <a:gd name="connsiteX48" fmla="*/ 775854 w 1313411"/>
              <a:gd name="connsiteY48" fmla="*/ 1930155 h 2124119"/>
              <a:gd name="connsiteX49" fmla="*/ 786938 w 1313411"/>
              <a:gd name="connsiteY49" fmla="*/ 2024366 h 2124119"/>
              <a:gd name="connsiteX50" fmla="*/ 803563 w 1313411"/>
              <a:gd name="connsiteY50" fmla="*/ 2057617 h 2124119"/>
              <a:gd name="connsiteX51" fmla="*/ 809105 w 1313411"/>
              <a:gd name="connsiteY51" fmla="*/ 2090868 h 2124119"/>
              <a:gd name="connsiteX52" fmla="*/ 1197033 w 1313411"/>
              <a:gd name="connsiteY52" fmla="*/ 2124119 h 2124119"/>
              <a:gd name="connsiteX53" fmla="*/ 1230283 w 1313411"/>
              <a:gd name="connsiteY53" fmla="*/ 2096409 h 2124119"/>
              <a:gd name="connsiteX54" fmla="*/ 1213658 w 1313411"/>
              <a:gd name="connsiteY54" fmla="*/ 2018824 h 2124119"/>
              <a:gd name="connsiteX55" fmla="*/ 1263534 w 1313411"/>
              <a:gd name="connsiteY55" fmla="*/ 1913529 h 2124119"/>
              <a:gd name="connsiteX56" fmla="*/ 1285702 w 1313411"/>
              <a:gd name="connsiteY56" fmla="*/ 1874737 h 2124119"/>
              <a:gd name="connsiteX57" fmla="*/ 1313411 w 1313411"/>
              <a:gd name="connsiteY57" fmla="*/ 1813777 h 2124119"/>
              <a:gd name="connsiteX58" fmla="*/ 1252451 w 1313411"/>
              <a:gd name="connsiteY58" fmla="*/ 1664148 h 2124119"/>
              <a:gd name="connsiteX59" fmla="*/ 576349 w 1313411"/>
              <a:gd name="connsiteY59" fmla="*/ 722039 h 2124119"/>
              <a:gd name="connsiteX60" fmla="*/ 696710 w 1313411"/>
              <a:gd name="connsiteY60" fmla="*/ 167813 h 2124119"/>
              <a:gd name="connsiteX61" fmla="*/ 256872 w 1313411"/>
              <a:gd name="connsiteY61" fmla="*/ 43339 h 2124119"/>
              <a:gd name="connsiteX62" fmla="*/ 106896 w 1313411"/>
              <a:gd name="connsiteY62" fmla="*/ 0 h 2124119"/>
              <a:gd name="connsiteX0" fmla="*/ 106896 w 1313411"/>
              <a:gd name="connsiteY0" fmla="*/ 0 h 2124119"/>
              <a:gd name="connsiteX1" fmla="*/ 83041 w 1313411"/>
              <a:gd name="connsiteY1" fmla="*/ 21908 h 2124119"/>
              <a:gd name="connsiteX2" fmla="*/ 99753 w 1313411"/>
              <a:gd name="connsiteY2" fmla="*/ 68104 h 2124119"/>
              <a:gd name="connsiteX3" fmla="*/ 94211 w 1313411"/>
              <a:gd name="connsiteY3" fmla="*/ 106897 h 2124119"/>
              <a:gd name="connsiteX4" fmla="*/ 72043 w 1313411"/>
              <a:gd name="connsiteY4" fmla="*/ 145689 h 2124119"/>
              <a:gd name="connsiteX5" fmla="*/ 83127 w 1313411"/>
              <a:gd name="connsiteY5" fmla="*/ 201108 h 2124119"/>
              <a:gd name="connsiteX6" fmla="*/ 0 w 1313411"/>
              <a:gd name="connsiteY6" fmla="*/ 262068 h 2124119"/>
              <a:gd name="connsiteX7" fmla="*/ 0 w 1313411"/>
              <a:gd name="connsiteY7" fmla="*/ 306402 h 2124119"/>
              <a:gd name="connsiteX8" fmla="*/ 38793 w 1313411"/>
              <a:gd name="connsiteY8" fmla="*/ 395071 h 2124119"/>
              <a:gd name="connsiteX9" fmla="*/ 38793 w 1313411"/>
              <a:gd name="connsiteY9" fmla="*/ 433864 h 2124119"/>
              <a:gd name="connsiteX10" fmla="*/ 22167 w 1313411"/>
              <a:gd name="connsiteY10" fmla="*/ 583493 h 2124119"/>
              <a:gd name="connsiteX11" fmla="*/ 49876 w 1313411"/>
              <a:gd name="connsiteY11" fmla="*/ 677704 h 2124119"/>
              <a:gd name="connsiteX12" fmla="*/ 77585 w 1313411"/>
              <a:gd name="connsiteY12" fmla="*/ 710955 h 2124119"/>
              <a:gd name="connsiteX13" fmla="*/ 83127 w 1313411"/>
              <a:gd name="connsiteY13" fmla="*/ 749748 h 2124119"/>
              <a:gd name="connsiteX14" fmla="*/ 72043 w 1313411"/>
              <a:gd name="connsiteY14" fmla="*/ 821791 h 2124119"/>
              <a:gd name="connsiteX15" fmla="*/ 121920 w 1313411"/>
              <a:gd name="connsiteY15" fmla="*/ 832875 h 2124119"/>
              <a:gd name="connsiteX16" fmla="*/ 144087 w 1313411"/>
              <a:gd name="connsiteY16" fmla="*/ 832875 h 2124119"/>
              <a:gd name="connsiteX17" fmla="*/ 166254 w 1313411"/>
              <a:gd name="connsiteY17" fmla="*/ 799624 h 2124119"/>
              <a:gd name="connsiteX18" fmla="*/ 182880 w 1313411"/>
              <a:gd name="connsiteY18" fmla="*/ 788540 h 2124119"/>
              <a:gd name="connsiteX19" fmla="*/ 193963 w 1313411"/>
              <a:gd name="connsiteY19" fmla="*/ 832875 h 2124119"/>
              <a:gd name="connsiteX20" fmla="*/ 188422 w 1313411"/>
              <a:gd name="connsiteY20" fmla="*/ 882751 h 2124119"/>
              <a:gd name="connsiteX21" fmla="*/ 182880 w 1313411"/>
              <a:gd name="connsiteY21" fmla="*/ 899377 h 2124119"/>
              <a:gd name="connsiteX22" fmla="*/ 149629 w 1313411"/>
              <a:gd name="connsiteY22" fmla="*/ 893835 h 2124119"/>
              <a:gd name="connsiteX23" fmla="*/ 133003 w 1313411"/>
              <a:gd name="connsiteY23" fmla="*/ 949253 h 2124119"/>
              <a:gd name="connsiteX24" fmla="*/ 144087 w 1313411"/>
              <a:gd name="connsiteY24" fmla="*/ 1004671 h 2124119"/>
              <a:gd name="connsiteX25" fmla="*/ 171796 w 1313411"/>
              <a:gd name="connsiteY25" fmla="*/ 1032380 h 2124119"/>
              <a:gd name="connsiteX26" fmla="*/ 205047 w 1313411"/>
              <a:gd name="connsiteY26" fmla="*/ 1071173 h 2124119"/>
              <a:gd name="connsiteX27" fmla="*/ 205047 w 1313411"/>
              <a:gd name="connsiteY27" fmla="*/ 1109966 h 2124119"/>
              <a:gd name="connsiteX28" fmla="*/ 182880 w 1313411"/>
              <a:gd name="connsiteY28" fmla="*/ 1126591 h 2124119"/>
              <a:gd name="connsiteX29" fmla="*/ 182880 w 1313411"/>
              <a:gd name="connsiteY29" fmla="*/ 1126591 h 2124119"/>
              <a:gd name="connsiteX30" fmla="*/ 238298 w 1313411"/>
              <a:gd name="connsiteY30" fmla="*/ 1237428 h 2124119"/>
              <a:gd name="connsiteX31" fmla="*/ 249382 w 1313411"/>
              <a:gd name="connsiteY31" fmla="*/ 1326097 h 2124119"/>
              <a:gd name="connsiteX32" fmla="*/ 282633 w 1313411"/>
              <a:gd name="connsiteY32" fmla="*/ 1348264 h 2124119"/>
              <a:gd name="connsiteX33" fmla="*/ 282633 w 1313411"/>
              <a:gd name="connsiteY33" fmla="*/ 1348264 h 2124119"/>
              <a:gd name="connsiteX34" fmla="*/ 304800 w 1313411"/>
              <a:gd name="connsiteY34" fmla="*/ 1398140 h 2124119"/>
              <a:gd name="connsiteX35" fmla="*/ 321425 w 1313411"/>
              <a:gd name="connsiteY35" fmla="*/ 1425849 h 2124119"/>
              <a:gd name="connsiteX36" fmla="*/ 326967 w 1313411"/>
              <a:gd name="connsiteY36" fmla="*/ 1470184 h 2124119"/>
              <a:gd name="connsiteX37" fmla="*/ 299258 w 1313411"/>
              <a:gd name="connsiteY37" fmla="*/ 1514519 h 2124119"/>
              <a:gd name="connsiteX38" fmla="*/ 315883 w 1313411"/>
              <a:gd name="connsiteY38" fmla="*/ 1553311 h 2124119"/>
              <a:gd name="connsiteX39" fmla="*/ 410094 w 1313411"/>
              <a:gd name="connsiteY39" fmla="*/ 1619813 h 2124119"/>
              <a:gd name="connsiteX40" fmla="*/ 459971 w 1313411"/>
              <a:gd name="connsiteY40" fmla="*/ 1630897 h 2124119"/>
              <a:gd name="connsiteX41" fmla="*/ 465513 w 1313411"/>
              <a:gd name="connsiteY41" fmla="*/ 1614271 h 2124119"/>
              <a:gd name="connsiteX42" fmla="*/ 465513 w 1313411"/>
              <a:gd name="connsiteY42" fmla="*/ 1614271 h 2124119"/>
              <a:gd name="connsiteX43" fmla="*/ 543098 w 1313411"/>
              <a:gd name="connsiteY43" fmla="*/ 1719566 h 2124119"/>
              <a:gd name="connsiteX44" fmla="*/ 604058 w 1313411"/>
              <a:gd name="connsiteY44" fmla="*/ 1741733 h 2124119"/>
              <a:gd name="connsiteX45" fmla="*/ 604058 w 1313411"/>
              <a:gd name="connsiteY45" fmla="*/ 1741733 h 2124119"/>
              <a:gd name="connsiteX46" fmla="*/ 642851 w 1313411"/>
              <a:gd name="connsiteY46" fmla="*/ 1802693 h 2124119"/>
              <a:gd name="connsiteX47" fmla="*/ 703811 w 1313411"/>
              <a:gd name="connsiteY47" fmla="*/ 1841486 h 2124119"/>
              <a:gd name="connsiteX48" fmla="*/ 775854 w 1313411"/>
              <a:gd name="connsiteY48" fmla="*/ 1930155 h 2124119"/>
              <a:gd name="connsiteX49" fmla="*/ 786938 w 1313411"/>
              <a:gd name="connsiteY49" fmla="*/ 2024366 h 2124119"/>
              <a:gd name="connsiteX50" fmla="*/ 803563 w 1313411"/>
              <a:gd name="connsiteY50" fmla="*/ 2057617 h 2124119"/>
              <a:gd name="connsiteX51" fmla="*/ 809105 w 1313411"/>
              <a:gd name="connsiteY51" fmla="*/ 2090868 h 2124119"/>
              <a:gd name="connsiteX52" fmla="*/ 1197033 w 1313411"/>
              <a:gd name="connsiteY52" fmla="*/ 2124119 h 2124119"/>
              <a:gd name="connsiteX53" fmla="*/ 1230283 w 1313411"/>
              <a:gd name="connsiteY53" fmla="*/ 2096409 h 2124119"/>
              <a:gd name="connsiteX54" fmla="*/ 1213658 w 1313411"/>
              <a:gd name="connsiteY54" fmla="*/ 2018824 h 2124119"/>
              <a:gd name="connsiteX55" fmla="*/ 1263534 w 1313411"/>
              <a:gd name="connsiteY55" fmla="*/ 1913529 h 2124119"/>
              <a:gd name="connsiteX56" fmla="*/ 1285702 w 1313411"/>
              <a:gd name="connsiteY56" fmla="*/ 1874737 h 2124119"/>
              <a:gd name="connsiteX57" fmla="*/ 1313411 w 1313411"/>
              <a:gd name="connsiteY57" fmla="*/ 1813777 h 2124119"/>
              <a:gd name="connsiteX58" fmla="*/ 1252451 w 1313411"/>
              <a:gd name="connsiteY58" fmla="*/ 1664148 h 2124119"/>
              <a:gd name="connsiteX59" fmla="*/ 576349 w 1313411"/>
              <a:gd name="connsiteY59" fmla="*/ 722039 h 2124119"/>
              <a:gd name="connsiteX60" fmla="*/ 696710 w 1313411"/>
              <a:gd name="connsiteY60" fmla="*/ 167813 h 2124119"/>
              <a:gd name="connsiteX61" fmla="*/ 256872 w 1313411"/>
              <a:gd name="connsiteY61" fmla="*/ 43339 h 2124119"/>
              <a:gd name="connsiteX62" fmla="*/ 106896 w 1313411"/>
              <a:gd name="connsiteY62" fmla="*/ 0 h 2124119"/>
              <a:gd name="connsiteX0" fmla="*/ 106896 w 1333018"/>
              <a:gd name="connsiteY0" fmla="*/ 0 h 2124119"/>
              <a:gd name="connsiteX1" fmla="*/ 83041 w 1333018"/>
              <a:gd name="connsiteY1" fmla="*/ 21908 h 2124119"/>
              <a:gd name="connsiteX2" fmla="*/ 99753 w 1333018"/>
              <a:gd name="connsiteY2" fmla="*/ 68104 h 2124119"/>
              <a:gd name="connsiteX3" fmla="*/ 94211 w 1333018"/>
              <a:gd name="connsiteY3" fmla="*/ 106897 h 2124119"/>
              <a:gd name="connsiteX4" fmla="*/ 72043 w 1333018"/>
              <a:gd name="connsiteY4" fmla="*/ 145689 h 2124119"/>
              <a:gd name="connsiteX5" fmla="*/ 83127 w 1333018"/>
              <a:gd name="connsiteY5" fmla="*/ 201108 h 2124119"/>
              <a:gd name="connsiteX6" fmla="*/ 0 w 1333018"/>
              <a:gd name="connsiteY6" fmla="*/ 262068 h 2124119"/>
              <a:gd name="connsiteX7" fmla="*/ 0 w 1333018"/>
              <a:gd name="connsiteY7" fmla="*/ 306402 h 2124119"/>
              <a:gd name="connsiteX8" fmla="*/ 38793 w 1333018"/>
              <a:gd name="connsiteY8" fmla="*/ 395071 h 2124119"/>
              <a:gd name="connsiteX9" fmla="*/ 38793 w 1333018"/>
              <a:gd name="connsiteY9" fmla="*/ 433864 h 2124119"/>
              <a:gd name="connsiteX10" fmla="*/ 22167 w 1333018"/>
              <a:gd name="connsiteY10" fmla="*/ 583493 h 2124119"/>
              <a:gd name="connsiteX11" fmla="*/ 49876 w 1333018"/>
              <a:gd name="connsiteY11" fmla="*/ 677704 h 2124119"/>
              <a:gd name="connsiteX12" fmla="*/ 77585 w 1333018"/>
              <a:gd name="connsiteY12" fmla="*/ 710955 h 2124119"/>
              <a:gd name="connsiteX13" fmla="*/ 83127 w 1333018"/>
              <a:gd name="connsiteY13" fmla="*/ 749748 h 2124119"/>
              <a:gd name="connsiteX14" fmla="*/ 72043 w 1333018"/>
              <a:gd name="connsiteY14" fmla="*/ 821791 h 2124119"/>
              <a:gd name="connsiteX15" fmla="*/ 121920 w 1333018"/>
              <a:gd name="connsiteY15" fmla="*/ 832875 h 2124119"/>
              <a:gd name="connsiteX16" fmla="*/ 144087 w 1333018"/>
              <a:gd name="connsiteY16" fmla="*/ 832875 h 2124119"/>
              <a:gd name="connsiteX17" fmla="*/ 166254 w 1333018"/>
              <a:gd name="connsiteY17" fmla="*/ 799624 h 2124119"/>
              <a:gd name="connsiteX18" fmla="*/ 182880 w 1333018"/>
              <a:gd name="connsiteY18" fmla="*/ 788540 h 2124119"/>
              <a:gd name="connsiteX19" fmla="*/ 193963 w 1333018"/>
              <a:gd name="connsiteY19" fmla="*/ 832875 h 2124119"/>
              <a:gd name="connsiteX20" fmla="*/ 188422 w 1333018"/>
              <a:gd name="connsiteY20" fmla="*/ 882751 h 2124119"/>
              <a:gd name="connsiteX21" fmla="*/ 182880 w 1333018"/>
              <a:gd name="connsiteY21" fmla="*/ 899377 h 2124119"/>
              <a:gd name="connsiteX22" fmla="*/ 149629 w 1333018"/>
              <a:gd name="connsiteY22" fmla="*/ 893835 h 2124119"/>
              <a:gd name="connsiteX23" fmla="*/ 133003 w 1333018"/>
              <a:gd name="connsiteY23" fmla="*/ 949253 h 2124119"/>
              <a:gd name="connsiteX24" fmla="*/ 144087 w 1333018"/>
              <a:gd name="connsiteY24" fmla="*/ 1004671 h 2124119"/>
              <a:gd name="connsiteX25" fmla="*/ 171796 w 1333018"/>
              <a:gd name="connsiteY25" fmla="*/ 1032380 h 2124119"/>
              <a:gd name="connsiteX26" fmla="*/ 205047 w 1333018"/>
              <a:gd name="connsiteY26" fmla="*/ 1071173 h 2124119"/>
              <a:gd name="connsiteX27" fmla="*/ 205047 w 1333018"/>
              <a:gd name="connsiteY27" fmla="*/ 1109966 h 2124119"/>
              <a:gd name="connsiteX28" fmla="*/ 182880 w 1333018"/>
              <a:gd name="connsiteY28" fmla="*/ 1126591 h 2124119"/>
              <a:gd name="connsiteX29" fmla="*/ 182880 w 1333018"/>
              <a:gd name="connsiteY29" fmla="*/ 1126591 h 2124119"/>
              <a:gd name="connsiteX30" fmla="*/ 238298 w 1333018"/>
              <a:gd name="connsiteY30" fmla="*/ 1237428 h 2124119"/>
              <a:gd name="connsiteX31" fmla="*/ 249382 w 1333018"/>
              <a:gd name="connsiteY31" fmla="*/ 1326097 h 2124119"/>
              <a:gd name="connsiteX32" fmla="*/ 282633 w 1333018"/>
              <a:gd name="connsiteY32" fmla="*/ 1348264 h 2124119"/>
              <a:gd name="connsiteX33" fmla="*/ 282633 w 1333018"/>
              <a:gd name="connsiteY33" fmla="*/ 1348264 h 2124119"/>
              <a:gd name="connsiteX34" fmla="*/ 304800 w 1333018"/>
              <a:gd name="connsiteY34" fmla="*/ 1398140 h 2124119"/>
              <a:gd name="connsiteX35" fmla="*/ 321425 w 1333018"/>
              <a:gd name="connsiteY35" fmla="*/ 1425849 h 2124119"/>
              <a:gd name="connsiteX36" fmla="*/ 326967 w 1333018"/>
              <a:gd name="connsiteY36" fmla="*/ 1470184 h 2124119"/>
              <a:gd name="connsiteX37" fmla="*/ 299258 w 1333018"/>
              <a:gd name="connsiteY37" fmla="*/ 1514519 h 2124119"/>
              <a:gd name="connsiteX38" fmla="*/ 315883 w 1333018"/>
              <a:gd name="connsiteY38" fmla="*/ 1553311 h 2124119"/>
              <a:gd name="connsiteX39" fmla="*/ 410094 w 1333018"/>
              <a:gd name="connsiteY39" fmla="*/ 1619813 h 2124119"/>
              <a:gd name="connsiteX40" fmla="*/ 459971 w 1333018"/>
              <a:gd name="connsiteY40" fmla="*/ 1630897 h 2124119"/>
              <a:gd name="connsiteX41" fmla="*/ 465513 w 1333018"/>
              <a:gd name="connsiteY41" fmla="*/ 1614271 h 2124119"/>
              <a:gd name="connsiteX42" fmla="*/ 465513 w 1333018"/>
              <a:gd name="connsiteY42" fmla="*/ 1614271 h 2124119"/>
              <a:gd name="connsiteX43" fmla="*/ 543098 w 1333018"/>
              <a:gd name="connsiteY43" fmla="*/ 1719566 h 2124119"/>
              <a:gd name="connsiteX44" fmla="*/ 604058 w 1333018"/>
              <a:gd name="connsiteY44" fmla="*/ 1741733 h 2124119"/>
              <a:gd name="connsiteX45" fmla="*/ 604058 w 1333018"/>
              <a:gd name="connsiteY45" fmla="*/ 1741733 h 2124119"/>
              <a:gd name="connsiteX46" fmla="*/ 642851 w 1333018"/>
              <a:gd name="connsiteY46" fmla="*/ 1802693 h 2124119"/>
              <a:gd name="connsiteX47" fmla="*/ 703811 w 1333018"/>
              <a:gd name="connsiteY47" fmla="*/ 1841486 h 2124119"/>
              <a:gd name="connsiteX48" fmla="*/ 775854 w 1333018"/>
              <a:gd name="connsiteY48" fmla="*/ 1930155 h 2124119"/>
              <a:gd name="connsiteX49" fmla="*/ 786938 w 1333018"/>
              <a:gd name="connsiteY49" fmla="*/ 2024366 h 2124119"/>
              <a:gd name="connsiteX50" fmla="*/ 803563 w 1333018"/>
              <a:gd name="connsiteY50" fmla="*/ 2057617 h 2124119"/>
              <a:gd name="connsiteX51" fmla="*/ 809105 w 1333018"/>
              <a:gd name="connsiteY51" fmla="*/ 2090868 h 2124119"/>
              <a:gd name="connsiteX52" fmla="*/ 1197033 w 1333018"/>
              <a:gd name="connsiteY52" fmla="*/ 2124119 h 2124119"/>
              <a:gd name="connsiteX53" fmla="*/ 1230283 w 1333018"/>
              <a:gd name="connsiteY53" fmla="*/ 2096409 h 2124119"/>
              <a:gd name="connsiteX54" fmla="*/ 1213658 w 1333018"/>
              <a:gd name="connsiteY54" fmla="*/ 2018824 h 2124119"/>
              <a:gd name="connsiteX55" fmla="*/ 1263534 w 1333018"/>
              <a:gd name="connsiteY55" fmla="*/ 1913529 h 2124119"/>
              <a:gd name="connsiteX56" fmla="*/ 1285702 w 1333018"/>
              <a:gd name="connsiteY56" fmla="*/ 1874737 h 2124119"/>
              <a:gd name="connsiteX57" fmla="*/ 1333018 w 1333018"/>
              <a:gd name="connsiteY57" fmla="*/ 1835246 h 2124119"/>
              <a:gd name="connsiteX58" fmla="*/ 1252451 w 1333018"/>
              <a:gd name="connsiteY58" fmla="*/ 1664148 h 2124119"/>
              <a:gd name="connsiteX59" fmla="*/ 576349 w 1333018"/>
              <a:gd name="connsiteY59" fmla="*/ 722039 h 2124119"/>
              <a:gd name="connsiteX60" fmla="*/ 696710 w 1333018"/>
              <a:gd name="connsiteY60" fmla="*/ 167813 h 2124119"/>
              <a:gd name="connsiteX61" fmla="*/ 256872 w 1333018"/>
              <a:gd name="connsiteY61" fmla="*/ 43339 h 2124119"/>
              <a:gd name="connsiteX62" fmla="*/ 106896 w 1333018"/>
              <a:gd name="connsiteY62" fmla="*/ 0 h 2124119"/>
              <a:gd name="connsiteX0" fmla="*/ 106896 w 1333018"/>
              <a:gd name="connsiteY0" fmla="*/ 0 h 2124119"/>
              <a:gd name="connsiteX1" fmla="*/ 83041 w 1333018"/>
              <a:gd name="connsiteY1" fmla="*/ 21908 h 2124119"/>
              <a:gd name="connsiteX2" fmla="*/ 99753 w 1333018"/>
              <a:gd name="connsiteY2" fmla="*/ 68104 h 2124119"/>
              <a:gd name="connsiteX3" fmla="*/ 94211 w 1333018"/>
              <a:gd name="connsiteY3" fmla="*/ 106897 h 2124119"/>
              <a:gd name="connsiteX4" fmla="*/ 72043 w 1333018"/>
              <a:gd name="connsiteY4" fmla="*/ 145689 h 2124119"/>
              <a:gd name="connsiteX5" fmla="*/ 83127 w 1333018"/>
              <a:gd name="connsiteY5" fmla="*/ 201108 h 2124119"/>
              <a:gd name="connsiteX6" fmla="*/ 0 w 1333018"/>
              <a:gd name="connsiteY6" fmla="*/ 262068 h 2124119"/>
              <a:gd name="connsiteX7" fmla="*/ 0 w 1333018"/>
              <a:gd name="connsiteY7" fmla="*/ 306402 h 2124119"/>
              <a:gd name="connsiteX8" fmla="*/ 38793 w 1333018"/>
              <a:gd name="connsiteY8" fmla="*/ 395071 h 2124119"/>
              <a:gd name="connsiteX9" fmla="*/ 38793 w 1333018"/>
              <a:gd name="connsiteY9" fmla="*/ 433864 h 2124119"/>
              <a:gd name="connsiteX10" fmla="*/ 22167 w 1333018"/>
              <a:gd name="connsiteY10" fmla="*/ 583493 h 2124119"/>
              <a:gd name="connsiteX11" fmla="*/ 49876 w 1333018"/>
              <a:gd name="connsiteY11" fmla="*/ 677704 h 2124119"/>
              <a:gd name="connsiteX12" fmla="*/ 77585 w 1333018"/>
              <a:gd name="connsiteY12" fmla="*/ 710955 h 2124119"/>
              <a:gd name="connsiteX13" fmla="*/ 83127 w 1333018"/>
              <a:gd name="connsiteY13" fmla="*/ 749748 h 2124119"/>
              <a:gd name="connsiteX14" fmla="*/ 72043 w 1333018"/>
              <a:gd name="connsiteY14" fmla="*/ 821791 h 2124119"/>
              <a:gd name="connsiteX15" fmla="*/ 121920 w 1333018"/>
              <a:gd name="connsiteY15" fmla="*/ 832875 h 2124119"/>
              <a:gd name="connsiteX16" fmla="*/ 144087 w 1333018"/>
              <a:gd name="connsiteY16" fmla="*/ 832875 h 2124119"/>
              <a:gd name="connsiteX17" fmla="*/ 166254 w 1333018"/>
              <a:gd name="connsiteY17" fmla="*/ 799624 h 2124119"/>
              <a:gd name="connsiteX18" fmla="*/ 182880 w 1333018"/>
              <a:gd name="connsiteY18" fmla="*/ 788540 h 2124119"/>
              <a:gd name="connsiteX19" fmla="*/ 193963 w 1333018"/>
              <a:gd name="connsiteY19" fmla="*/ 832875 h 2124119"/>
              <a:gd name="connsiteX20" fmla="*/ 188422 w 1333018"/>
              <a:gd name="connsiteY20" fmla="*/ 882751 h 2124119"/>
              <a:gd name="connsiteX21" fmla="*/ 182880 w 1333018"/>
              <a:gd name="connsiteY21" fmla="*/ 899377 h 2124119"/>
              <a:gd name="connsiteX22" fmla="*/ 149629 w 1333018"/>
              <a:gd name="connsiteY22" fmla="*/ 893835 h 2124119"/>
              <a:gd name="connsiteX23" fmla="*/ 133003 w 1333018"/>
              <a:gd name="connsiteY23" fmla="*/ 949253 h 2124119"/>
              <a:gd name="connsiteX24" fmla="*/ 144087 w 1333018"/>
              <a:gd name="connsiteY24" fmla="*/ 1004671 h 2124119"/>
              <a:gd name="connsiteX25" fmla="*/ 171796 w 1333018"/>
              <a:gd name="connsiteY25" fmla="*/ 1032380 h 2124119"/>
              <a:gd name="connsiteX26" fmla="*/ 205047 w 1333018"/>
              <a:gd name="connsiteY26" fmla="*/ 1071173 h 2124119"/>
              <a:gd name="connsiteX27" fmla="*/ 205047 w 1333018"/>
              <a:gd name="connsiteY27" fmla="*/ 1109966 h 2124119"/>
              <a:gd name="connsiteX28" fmla="*/ 182880 w 1333018"/>
              <a:gd name="connsiteY28" fmla="*/ 1126591 h 2124119"/>
              <a:gd name="connsiteX29" fmla="*/ 182880 w 1333018"/>
              <a:gd name="connsiteY29" fmla="*/ 1126591 h 2124119"/>
              <a:gd name="connsiteX30" fmla="*/ 238298 w 1333018"/>
              <a:gd name="connsiteY30" fmla="*/ 1237428 h 2124119"/>
              <a:gd name="connsiteX31" fmla="*/ 249382 w 1333018"/>
              <a:gd name="connsiteY31" fmla="*/ 1326097 h 2124119"/>
              <a:gd name="connsiteX32" fmla="*/ 282633 w 1333018"/>
              <a:gd name="connsiteY32" fmla="*/ 1348264 h 2124119"/>
              <a:gd name="connsiteX33" fmla="*/ 282633 w 1333018"/>
              <a:gd name="connsiteY33" fmla="*/ 1348264 h 2124119"/>
              <a:gd name="connsiteX34" fmla="*/ 304800 w 1333018"/>
              <a:gd name="connsiteY34" fmla="*/ 1398140 h 2124119"/>
              <a:gd name="connsiteX35" fmla="*/ 321425 w 1333018"/>
              <a:gd name="connsiteY35" fmla="*/ 1425849 h 2124119"/>
              <a:gd name="connsiteX36" fmla="*/ 326967 w 1333018"/>
              <a:gd name="connsiteY36" fmla="*/ 1470184 h 2124119"/>
              <a:gd name="connsiteX37" fmla="*/ 299258 w 1333018"/>
              <a:gd name="connsiteY37" fmla="*/ 1514519 h 2124119"/>
              <a:gd name="connsiteX38" fmla="*/ 315883 w 1333018"/>
              <a:gd name="connsiteY38" fmla="*/ 1553311 h 2124119"/>
              <a:gd name="connsiteX39" fmla="*/ 410094 w 1333018"/>
              <a:gd name="connsiteY39" fmla="*/ 1619813 h 2124119"/>
              <a:gd name="connsiteX40" fmla="*/ 459971 w 1333018"/>
              <a:gd name="connsiteY40" fmla="*/ 1630897 h 2124119"/>
              <a:gd name="connsiteX41" fmla="*/ 465513 w 1333018"/>
              <a:gd name="connsiteY41" fmla="*/ 1614271 h 2124119"/>
              <a:gd name="connsiteX42" fmla="*/ 465513 w 1333018"/>
              <a:gd name="connsiteY42" fmla="*/ 1614271 h 2124119"/>
              <a:gd name="connsiteX43" fmla="*/ 543098 w 1333018"/>
              <a:gd name="connsiteY43" fmla="*/ 1719566 h 2124119"/>
              <a:gd name="connsiteX44" fmla="*/ 604058 w 1333018"/>
              <a:gd name="connsiteY44" fmla="*/ 1741733 h 2124119"/>
              <a:gd name="connsiteX45" fmla="*/ 604058 w 1333018"/>
              <a:gd name="connsiteY45" fmla="*/ 1741733 h 2124119"/>
              <a:gd name="connsiteX46" fmla="*/ 642851 w 1333018"/>
              <a:gd name="connsiteY46" fmla="*/ 1802693 h 2124119"/>
              <a:gd name="connsiteX47" fmla="*/ 703811 w 1333018"/>
              <a:gd name="connsiteY47" fmla="*/ 1841486 h 2124119"/>
              <a:gd name="connsiteX48" fmla="*/ 775854 w 1333018"/>
              <a:gd name="connsiteY48" fmla="*/ 1930155 h 2124119"/>
              <a:gd name="connsiteX49" fmla="*/ 786938 w 1333018"/>
              <a:gd name="connsiteY49" fmla="*/ 2024366 h 2124119"/>
              <a:gd name="connsiteX50" fmla="*/ 803563 w 1333018"/>
              <a:gd name="connsiteY50" fmla="*/ 2057617 h 2124119"/>
              <a:gd name="connsiteX51" fmla="*/ 809105 w 1333018"/>
              <a:gd name="connsiteY51" fmla="*/ 2090868 h 2124119"/>
              <a:gd name="connsiteX52" fmla="*/ 1197033 w 1333018"/>
              <a:gd name="connsiteY52" fmla="*/ 2124119 h 2124119"/>
              <a:gd name="connsiteX53" fmla="*/ 1230283 w 1333018"/>
              <a:gd name="connsiteY53" fmla="*/ 2096409 h 2124119"/>
              <a:gd name="connsiteX54" fmla="*/ 1213658 w 1333018"/>
              <a:gd name="connsiteY54" fmla="*/ 2018824 h 2124119"/>
              <a:gd name="connsiteX55" fmla="*/ 1263534 w 1333018"/>
              <a:gd name="connsiteY55" fmla="*/ 1913529 h 2124119"/>
              <a:gd name="connsiteX56" fmla="*/ 1285702 w 1333018"/>
              <a:gd name="connsiteY56" fmla="*/ 1874737 h 2124119"/>
              <a:gd name="connsiteX57" fmla="*/ 1333018 w 1333018"/>
              <a:gd name="connsiteY57" fmla="*/ 1835246 h 2124119"/>
              <a:gd name="connsiteX58" fmla="*/ 1262504 w 1333018"/>
              <a:gd name="connsiteY58" fmla="*/ 1661801 h 2124119"/>
              <a:gd name="connsiteX59" fmla="*/ 576349 w 1333018"/>
              <a:gd name="connsiteY59" fmla="*/ 722039 h 2124119"/>
              <a:gd name="connsiteX60" fmla="*/ 696710 w 1333018"/>
              <a:gd name="connsiteY60" fmla="*/ 167813 h 2124119"/>
              <a:gd name="connsiteX61" fmla="*/ 256872 w 1333018"/>
              <a:gd name="connsiteY61" fmla="*/ 43339 h 2124119"/>
              <a:gd name="connsiteX62" fmla="*/ 106896 w 1333018"/>
              <a:gd name="connsiteY62" fmla="*/ 0 h 2124119"/>
              <a:gd name="connsiteX0" fmla="*/ 106896 w 1333018"/>
              <a:gd name="connsiteY0" fmla="*/ 0 h 2124119"/>
              <a:gd name="connsiteX1" fmla="*/ 83041 w 1333018"/>
              <a:gd name="connsiteY1" fmla="*/ 21908 h 2124119"/>
              <a:gd name="connsiteX2" fmla="*/ 99753 w 1333018"/>
              <a:gd name="connsiteY2" fmla="*/ 68104 h 2124119"/>
              <a:gd name="connsiteX3" fmla="*/ 94211 w 1333018"/>
              <a:gd name="connsiteY3" fmla="*/ 106897 h 2124119"/>
              <a:gd name="connsiteX4" fmla="*/ 72043 w 1333018"/>
              <a:gd name="connsiteY4" fmla="*/ 145689 h 2124119"/>
              <a:gd name="connsiteX5" fmla="*/ 83127 w 1333018"/>
              <a:gd name="connsiteY5" fmla="*/ 201108 h 2124119"/>
              <a:gd name="connsiteX6" fmla="*/ 0 w 1333018"/>
              <a:gd name="connsiteY6" fmla="*/ 262068 h 2124119"/>
              <a:gd name="connsiteX7" fmla="*/ 0 w 1333018"/>
              <a:gd name="connsiteY7" fmla="*/ 306402 h 2124119"/>
              <a:gd name="connsiteX8" fmla="*/ 38793 w 1333018"/>
              <a:gd name="connsiteY8" fmla="*/ 395071 h 2124119"/>
              <a:gd name="connsiteX9" fmla="*/ 38793 w 1333018"/>
              <a:gd name="connsiteY9" fmla="*/ 433864 h 2124119"/>
              <a:gd name="connsiteX10" fmla="*/ 22167 w 1333018"/>
              <a:gd name="connsiteY10" fmla="*/ 583493 h 2124119"/>
              <a:gd name="connsiteX11" fmla="*/ 49876 w 1333018"/>
              <a:gd name="connsiteY11" fmla="*/ 677704 h 2124119"/>
              <a:gd name="connsiteX12" fmla="*/ 77585 w 1333018"/>
              <a:gd name="connsiteY12" fmla="*/ 710955 h 2124119"/>
              <a:gd name="connsiteX13" fmla="*/ 83127 w 1333018"/>
              <a:gd name="connsiteY13" fmla="*/ 749748 h 2124119"/>
              <a:gd name="connsiteX14" fmla="*/ 72043 w 1333018"/>
              <a:gd name="connsiteY14" fmla="*/ 821791 h 2124119"/>
              <a:gd name="connsiteX15" fmla="*/ 121920 w 1333018"/>
              <a:gd name="connsiteY15" fmla="*/ 832875 h 2124119"/>
              <a:gd name="connsiteX16" fmla="*/ 144087 w 1333018"/>
              <a:gd name="connsiteY16" fmla="*/ 832875 h 2124119"/>
              <a:gd name="connsiteX17" fmla="*/ 166254 w 1333018"/>
              <a:gd name="connsiteY17" fmla="*/ 799624 h 2124119"/>
              <a:gd name="connsiteX18" fmla="*/ 182880 w 1333018"/>
              <a:gd name="connsiteY18" fmla="*/ 788540 h 2124119"/>
              <a:gd name="connsiteX19" fmla="*/ 193963 w 1333018"/>
              <a:gd name="connsiteY19" fmla="*/ 832875 h 2124119"/>
              <a:gd name="connsiteX20" fmla="*/ 188422 w 1333018"/>
              <a:gd name="connsiteY20" fmla="*/ 882751 h 2124119"/>
              <a:gd name="connsiteX21" fmla="*/ 182880 w 1333018"/>
              <a:gd name="connsiteY21" fmla="*/ 899377 h 2124119"/>
              <a:gd name="connsiteX22" fmla="*/ 149629 w 1333018"/>
              <a:gd name="connsiteY22" fmla="*/ 893835 h 2124119"/>
              <a:gd name="connsiteX23" fmla="*/ 133003 w 1333018"/>
              <a:gd name="connsiteY23" fmla="*/ 949253 h 2124119"/>
              <a:gd name="connsiteX24" fmla="*/ 144087 w 1333018"/>
              <a:gd name="connsiteY24" fmla="*/ 1004671 h 2124119"/>
              <a:gd name="connsiteX25" fmla="*/ 171796 w 1333018"/>
              <a:gd name="connsiteY25" fmla="*/ 1032380 h 2124119"/>
              <a:gd name="connsiteX26" fmla="*/ 205047 w 1333018"/>
              <a:gd name="connsiteY26" fmla="*/ 1071173 h 2124119"/>
              <a:gd name="connsiteX27" fmla="*/ 205047 w 1333018"/>
              <a:gd name="connsiteY27" fmla="*/ 1109966 h 2124119"/>
              <a:gd name="connsiteX28" fmla="*/ 182880 w 1333018"/>
              <a:gd name="connsiteY28" fmla="*/ 1126591 h 2124119"/>
              <a:gd name="connsiteX29" fmla="*/ 182880 w 1333018"/>
              <a:gd name="connsiteY29" fmla="*/ 1126591 h 2124119"/>
              <a:gd name="connsiteX30" fmla="*/ 238298 w 1333018"/>
              <a:gd name="connsiteY30" fmla="*/ 1237428 h 2124119"/>
              <a:gd name="connsiteX31" fmla="*/ 249382 w 1333018"/>
              <a:gd name="connsiteY31" fmla="*/ 1326097 h 2124119"/>
              <a:gd name="connsiteX32" fmla="*/ 282633 w 1333018"/>
              <a:gd name="connsiteY32" fmla="*/ 1348264 h 2124119"/>
              <a:gd name="connsiteX33" fmla="*/ 282633 w 1333018"/>
              <a:gd name="connsiteY33" fmla="*/ 1348264 h 2124119"/>
              <a:gd name="connsiteX34" fmla="*/ 304800 w 1333018"/>
              <a:gd name="connsiteY34" fmla="*/ 1398140 h 2124119"/>
              <a:gd name="connsiteX35" fmla="*/ 321425 w 1333018"/>
              <a:gd name="connsiteY35" fmla="*/ 1425849 h 2124119"/>
              <a:gd name="connsiteX36" fmla="*/ 326967 w 1333018"/>
              <a:gd name="connsiteY36" fmla="*/ 1470184 h 2124119"/>
              <a:gd name="connsiteX37" fmla="*/ 299258 w 1333018"/>
              <a:gd name="connsiteY37" fmla="*/ 1514519 h 2124119"/>
              <a:gd name="connsiteX38" fmla="*/ 315883 w 1333018"/>
              <a:gd name="connsiteY38" fmla="*/ 1553311 h 2124119"/>
              <a:gd name="connsiteX39" fmla="*/ 410094 w 1333018"/>
              <a:gd name="connsiteY39" fmla="*/ 1619813 h 2124119"/>
              <a:gd name="connsiteX40" fmla="*/ 459971 w 1333018"/>
              <a:gd name="connsiteY40" fmla="*/ 1630897 h 2124119"/>
              <a:gd name="connsiteX41" fmla="*/ 465513 w 1333018"/>
              <a:gd name="connsiteY41" fmla="*/ 1614271 h 2124119"/>
              <a:gd name="connsiteX42" fmla="*/ 465513 w 1333018"/>
              <a:gd name="connsiteY42" fmla="*/ 1614271 h 2124119"/>
              <a:gd name="connsiteX43" fmla="*/ 543098 w 1333018"/>
              <a:gd name="connsiteY43" fmla="*/ 1719566 h 2124119"/>
              <a:gd name="connsiteX44" fmla="*/ 604058 w 1333018"/>
              <a:gd name="connsiteY44" fmla="*/ 1741733 h 2124119"/>
              <a:gd name="connsiteX45" fmla="*/ 604058 w 1333018"/>
              <a:gd name="connsiteY45" fmla="*/ 1741733 h 2124119"/>
              <a:gd name="connsiteX46" fmla="*/ 642851 w 1333018"/>
              <a:gd name="connsiteY46" fmla="*/ 1802693 h 2124119"/>
              <a:gd name="connsiteX47" fmla="*/ 703811 w 1333018"/>
              <a:gd name="connsiteY47" fmla="*/ 1841486 h 2124119"/>
              <a:gd name="connsiteX48" fmla="*/ 775854 w 1333018"/>
              <a:gd name="connsiteY48" fmla="*/ 1930155 h 2124119"/>
              <a:gd name="connsiteX49" fmla="*/ 786938 w 1333018"/>
              <a:gd name="connsiteY49" fmla="*/ 2024366 h 2124119"/>
              <a:gd name="connsiteX50" fmla="*/ 803563 w 1333018"/>
              <a:gd name="connsiteY50" fmla="*/ 2057617 h 2124119"/>
              <a:gd name="connsiteX51" fmla="*/ 809105 w 1333018"/>
              <a:gd name="connsiteY51" fmla="*/ 2090868 h 2124119"/>
              <a:gd name="connsiteX52" fmla="*/ 1197033 w 1333018"/>
              <a:gd name="connsiteY52" fmla="*/ 2124119 h 2124119"/>
              <a:gd name="connsiteX53" fmla="*/ 1230283 w 1333018"/>
              <a:gd name="connsiteY53" fmla="*/ 2096409 h 2124119"/>
              <a:gd name="connsiteX54" fmla="*/ 1213658 w 1333018"/>
              <a:gd name="connsiteY54" fmla="*/ 2018824 h 2124119"/>
              <a:gd name="connsiteX55" fmla="*/ 1264062 w 1333018"/>
              <a:gd name="connsiteY55" fmla="*/ 1946907 h 2124119"/>
              <a:gd name="connsiteX56" fmla="*/ 1285702 w 1333018"/>
              <a:gd name="connsiteY56" fmla="*/ 1874737 h 2124119"/>
              <a:gd name="connsiteX57" fmla="*/ 1333018 w 1333018"/>
              <a:gd name="connsiteY57" fmla="*/ 1835246 h 2124119"/>
              <a:gd name="connsiteX58" fmla="*/ 1262504 w 1333018"/>
              <a:gd name="connsiteY58" fmla="*/ 1661801 h 2124119"/>
              <a:gd name="connsiteX59" fmla="*/ 576349 w 1333018"/>
              <a:gd name="connsiteY59" fmla="*/ 722039 h 2124119"/>
              <a:gd name="connsiteX60" fmla="*/ 696710 w 1333018"/>
              <a:gd name="connsiteY60" fmla="*/ 167813 h 2124119"/>
              <a:gd name="connsiteX61" fmla="*/ 256872 w 1333018"/>
              <a:gd name="connsiteY61" fmla="*/ 43339 h 2124119"/>
              <a:gd name="connsiteX62" fmla="*/ 106896 w 1333018"/>
              <a:gd name="connsiteY62" fmla="*/ 0 h 2124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</a:cxnLst>
            <a:rect l="l" t="t" r="r" b="b"/>
            <a:pathLst>
              <a:path w="1333018" h="2124119">
                <a:moveTo>
                  <a:pt x="106896" y="0"/>
                </a:moveTo>
                <a:lnTo>
                  <a:pt x="83041" y="21908"/>
                </a:lnTo>
                <a:lnTo>
                  <a:pt x="99753" y="68104"/>
                </a:lnTo>
                <a:lnTo>
                  <a:pt x="94211" y="106897"/>
                </a:lnTo>
                <a:lnTo>
                  <a:pt x="72043" y="145689"/>
                </a:lnTo>
                <a:lnTo>
                  <a:pt x="83127" y="201108"/>
                </a:lnTo>
                <a:lnTo>
                  <a:pt x="0" y="262068"/>
                </a:lnTo>
                <a:lnTo>
                  <a:pt x="0" y="306402"/>
                </a:lnTo>
                <a:lnTo>
                  <a:pt x="38793" y="395071"/>
                </a:lnTo>
                <a:lnTo>
                  <a:pt x="38793" y="433864"/>
                </a:lnTo>
                <a:lnTo>
                  <a:pt x="22167" y="583493"/>
                </a:lnTo>
                <a:lnTo>
                  <a:pt x="49876" y="677704"/>
                </a:lnTo>
                <a:lnTo>
                  <a:pt x="77585" y="710955"/>
                </a:lnTo>
                <a:lnTo>
                  <a:pt x="83127" y="749748"/>
                </a:lnTo>
                <a:lnTo>
                  <a:pt x="72043" y="821791"/>
                </a:lnTo>
                <a:lnTo>
                  <a:pt x="121920" y="832875"/>
                </a:lnTo>
                <a:lnTo>
                  <a:pt x="144087" y="832875"/>
                </a:lnTo>
                <a:lnTo>
                  <a:pt x="166254" y="799624"/>
                </a:lnTo>
                <a:lnTo>
                  <a:pt x="182880" y="788540"/>
                </a:lnTo>
                <a:lnTo>
                  <a:pt x="193963" y="832875"/>
                </a:lnTo>
                <a:lnTo>
                  <a:pt x="188422" y="882751"/>
                </a:lnTo>
                <a:lnTo>
                  <a:pt x="182880" y="899377"/>
                </a:lnTo>
                <a:lnTo>
                  <a:pt x="149629" y="893835"/>
                </a:lnTo>
                <a:lnTo>
                  <a:pt x="133003" y="949253"/>
                </a:lnTo>
                <a:lnTo>
                  <a:pt x="144087" y="1004671"/>
                </a:lnTo>
                <a:lnTo>
                  <a:pt x="171796" y="1032380"/>
                </a:lnTo>
                <a:lnTo>
                  <a:pt x="205047" y="1071173"/>
                </a:lnTo>
                <a:lnTo>
                  <a:pt x="205047" y="1109966"/>
                </a:lnTo>
                <a:lnTo>
                  <a:pt x="182880" y="1126591"/>
                </a:lnTo>
                <a:lnTo>
                  <a:pt x="182880" y="1126591"/>
                </a:lnTo>
                <a:lnTo>
                  <a:pt x="238298" y="1237428"/>
                </a:lnTo>
                <a:lnTo>
                  <a:pt x="249382" y="1326097"/>
                </a:lnTo>
                <a:lnTo>
                  <a:pt x="282633" y="1348264"/>
                </a:lnTo>
                <a:lnTo>
                  <a:pt x="282633" y="1348264"/>
                </a:lnTo>
                <a:lnTo>
                  <a:pt x="304800" y="1398140"/>
                </a:lnTo>
                <a:lnTo>
                  <a:pt x="321425" y="1425849"/>
                </a:lnTo>
                <a:lnTo>
                  <a:pt x="326967" y="1470184"/>
                </a:lnTo>
                <a:lnTo>
                  <a:pt x="299258" y="1514519"/>
                </a:lnTo>
                <a:lnTo>
                  <a:pt x="315883" y="1553311"/>
                </a:lnTo>
                <a:lnTo>
                  <a:pt x="410094" y="1619813"/>
                </a:lnTo>
                <a:lnTo>
                  <a:pt x="459971" y="1630897"/>
                </a:lnTo>
                <a:lnTo>
                  <a:pt x="465513" y="1614271"/>
                </a:lnTo>
                <a:lnTo>
                  <a:pt x="465513" y="1614271"/>
                </a:lnTo>
                <a:lnTo>
                  <a:pt x="543098" y="1719566"/>
                </a:lnTo>
                <a:lnTo>
                  <a:pt x="604058" y="1741733"/>
                </a:lnTo>
                <a:lnTo>
                  <a:pt x="604058" y="1741733"/>
                </a:lnTo>
                <a:lnTo>
                  <a:pt x="642851" y="1802693"/>
                </a:lnTo>
                <a:lnTo>
                  <a:pt x="703811" y="1841486"/>
                </a:lnTo>
                <a:lnTo>
                  <a:pt x="775854" y="1930155"/>
                </a:lnTo>
                <a:lnTo>
                  <a:pt x="786938" y="2024366"/>
                </a:lnTo>
                <a:lnTo>
                  <a:pt x="803563" y="2057617"/>
                </a:lnTo>
                <a:lnTo>
                  <a:pt x="809105" y="2090868"/>
                </a:lnTo>
                <a:lnTo>
                  <a:pt x="1197033" y="2124119"/>
                </a:lnTo>
                <a:lnTo>
                  <a:pt x="1230283" y="2096409"/>
                </a:lnTo>
                <a:lnTo>
                  <a:pt x="1213658" y="2018824"/>
                </a:lnTo>
                <a:lnTo>
                  <a:pt x="1264062" y="1946907"/>
                </a:lnTo>
                <a:lnTo>
                  <a:pt x="1285702" y="1874737"/>
                </a:lnTo>
                <a:lnTo>
                  <a:pt x="1333018" y="1835246"/>
                </a:lnTo>
                <a:lnTo>
                  <a:pt x="1262504" y="1661801"/>
                </a:lnTo>
                <a:lnTo>
                  <a:pt x="576349" y="722039"/>
                </a:lnTo>
                <a:lnTo>
                  <a:pt x="696710" y="167813"/>
                </a:lnTo>
                <a:lnTo>
                  <a:pt x="256872" y="43339"/>
                </a:lnTo>
                <a:lnTo>
                  <a:pt x="106896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5" name="Freeform 54"/>
          <p:cNvSpPr/>
          <p:nvPr userDrawn="1"/>
        </p:nvSpPr>
        <p:spPr>
          <a:xfrm rot="171972">
            <a:off x="5041248" y="4617828"/>
            <a:ext cx="882650" cy="776287"/>
          </a:xfrm>
          <a:custGeom>
            <a:avLst/>
            <a:gdLst>
              <a:gd name="connsiteX0" fmla="*/ 0 w 883066"/>
              <a:gd name="connsiteY0" fmla="*/ 62670 h 774819"/>
              <a:gd name="connsiteX1" fmla="*/ 14243 w 883066"/>
              <a:gd name="connsiteY1" fmla="*/ 188008 h 774819"/>
              <a:gd name="connsiteX2" fmla="*/ 17092 w 883066"/>
              <a:gd name="connsiteY2" fmla="*/ 253526 h 774819"/>
              <a:gd name="connsiteX3" fmla="*/ 39881 w 883066"/>
              <a:gd name="connsiteY3" fmla="*/ 313346 h 774819"/>
              <a:gd name="connsiteX4" fmla="*/ 76912 w 883066"/>
              <a:gd name="connsiteY4" fmla="*/ 361772 h 774819"/>
              <a:gd name="connsiteX5" fmla="*/ 108247 w 883066"/>
              <a:gd name="connsiteY5" fmla="*/ 450079 h 774819"/>
              <a:gd name="connsiteX6" fmla="*/ 79761 w 883066"/>
              <a:gd name="connsiteY6" fmla="*/ 526991 h 774819"/>
              <a:gd name="connsiteX7" fmla="*/ 82610 w 883066"/>
              <a:gd name="connsiteY7" fmla="*/ 561174 h 774819"/>
              <a:gd name="connsiteX8" fmla="*/ 102550 w 883066"/>
              <a:gd name="connsiteY8" fmla="*/ 615298 h 774819"/>
              <a:gd name="connsiteX9" fmla="*/ 94004 w 883066"/>
              <a:gd name="connsiteY9" fmla="*/ 697907 h 774819"/>
              <a:gd name="connsiteX10" fmla="*/ 136733 w 883066"/>
              <a:gd name="connsiteY10" fmla="*/ 686513 h 774819"/>
              <a:gd name="connsiteX11" fmla="*/ 182311 w 883066"/>
              <a:gd name="connsiteY11" fmla="*/ 669421 h 774819"/>
              <a:gd name="connsiteX12" fmla="*/ 236434 w 883066"/>
              <a:gd name="connsiteY12" fmla="*/ 677967 h 774819"/>
              <a:gd name="connsiteX13" fmla="*/ 296254 w 883066"/>
              <a:gd name="connsiteY13" fmla="*/ 703604 h 774819"/>
              <a:gd name="connsiteX14" fmla="*/ 358924 w 883066"/>
              <a:gd name="connsiteY14" fmla="*/ 703604 h 774819"/>
              <a:gd name="connsiteX15" fmla="*/ 361772 w 883066"/>
              <a:gd name="connsiteY15" fmla="*/ 660875 h 774819"/>
              <a:gd name="connsiteX16" fmla="*/ 387410 w 883066"/>
              <a:gd name="connsiteY16" fmla="*/ 646632 h 774819"/>
              <a:gd name="connsiteX17" fmla="*/ 424441 w 883066"/>
              <a:gd name="connsiteY17" fmla="*/ 649481 h 774819"/>
              <a:gd name="connsiteX18" fmla="*/ 447230 w 883066"/>
              <a:gd name="connsiteY18" fmla="*/ 658027 h 774819"/>
              <a:gd name="connsiteX19" fmla="*/ 492808 w 883066"/>
              <a:gd name="connsiteY19" fmla="*/ 692210 h 774819"/>
              <a:gd name="connsiteX20" fmla="*/ 501354 w 883066"/>
              <a:gd name="connsiteY20" fmla="*/ 649481 h 774819"/>
              <a:gd name="connsiteX21" fmla="*/ 467170 w 883066"/>
              <a:gd name="connsiteY21" fmla="*/ 612449 h 774819"/>
              <a:gd name="connsiteX22" fmla="*/ 458625 w 883066"/>
              <a:gd name="connsiteY22" fmla="*/ 595357 h 774819"/>
              <a:gd name="connsiteX23" fmla="*/ 472868 w 883066"/>
              <a:gd name="connsiteY23" fmla="*/ 589660 h 774819"/>
              <a:gd name="connsiteX24" fmla="*/ 492808 w 883066"/>
              <a:gd name="connsiteY24" fmla="*/ 592509 h 774819"/>
              <a:gd name="connsiteX25" fmla="*/ 535537 w 883066"/>
              <a:gd name="connsiteY25" fmla="*/ 643784 h 774819"/>
              <a:gd name="connsiteX26" fmla="*/ 524142 w 883066"/>
              <a:gd name="connsiteY26" fmla="*/ 675118 h 774819"/>
              <a:gd name="connsiteX27" fmla="*/ 529840 w 883066"/>
              <a:gd name="connsiteY27" fmla="*/ 746333 h 774819"/>
              <a:gd name="connsiteX28" fmla="*/ 589660 w 883066"/>
              <a:gd name="connsiteY28" fmla="*/ 774819 h 774819"/>
              <a:gd name="connsiteX29" fmla="*/ 620995 w 883066"/>
              <a:gd name="connsiteY29" fmla="*/ 732090 h 774819"/>
              <a:gd name="connsiteX30" fmla="*/ 683664 w 883066"/>
              <a:gd name="connsiteY30" fmla="*/ 746333 h 774819"/>
              <a:gd name="connsiteX31" fmla="*/ 709301 w 883066"/>
              <a:gd name="connsiteY31" fmla="*/ 717847 h 774819"/>
              <a:gd name="connsiteX32" fmla="*/ 700755 w 883066"/>
              <a:gd name="connsiteY32" fmla="*/ 663724 h 774819"/>
              <a:gd name="connsiteX33" fmla="*/ 680815 w 883066"/>
              <a:gd name="connsiteY33" fmla="*/ 640935 h 774819"/>
              <a:gd name="connsiteX34" fmla="*/ 683664 w 883066"/>
              <a:gd name="connsiteY34" fmla="*/ 618146 h 774819"/>
              <a:gd name="connsiteX35" fmla="*/ 734939 w 883066"/>
              <a:gd name="connsiteY35" fmla="*/ 646632 h 774819"/>
              <a:gd name="connsiteX36" fmla="*/ 757727 w 883066"/>
              <a:gd name="connsiteY36" fmla="*/ 683664 h 774819"/>
              <a:gd name="connsiteX37" fmla="*/ 803305 w 883066"/>
              <a:gd name="connsiteY37" fmla="*/ 695058 h 774819"/>
              <a:gd name="connsiteX38" fmla="*/ 848883 w 883066"/>
              <a:gd name="connsiteY38" fmla="*/ 734939 h 774819"/>
              <a:gd name="connsiteX39" fmla="*/ 883066 w 883066"/>
              <a:gd name="connsiteY39" fmla="*/ 714999 h 774819"/>
              <a:gd name="connsiteX40" fmla="*/ 883066 w 883066"/>
              <a:gd name="connsiteY40" fmla="*/ 689361 h 774819"/>
              <a:gd name="connsiteX41" fmla="*/ 846034 w 883066"/>
              <a:gd name="connsiteY41" fmla="*/ 646632 h 774819"/>
              <a:gd name="connsiteX42" fmla="*/ 817548 w 883066"/>
              <a:gd name="connsiteY42" fmla="*/ 632389 h 774819"/>
              <a:gd name="connsiteX43" fmla="*/ 791911 w 883066"/>
              <a:gd name="connsiteY43" fmla="*/ 609600 h 774819"/>
              <a:gd name="connsiteX44" fmla="*/ 803305 w 883066"/>
              <a:gd name="connsiteY44" fmla="*/ 586812 h 774819"/>
              <a:gd name="connsiteX45" fmla="*/ 817548 w 883066"/>
              <a:gd name="connsiteY45" fmla="*/ 583963 h 774819"/>
              <a:gd name="connsiteX46" fmla="*/ 837488 w 883066"/>
              <a:gd name="connsiteY46" fmla="*/ 583963 h 774819"/>
              <a:gd name="connsiteX47" fmla="*/ 848883 w 883066"/>
              <a:gd name="connsiteY47" fmla="*/ 555477 h 774819"/>
              <a:gd name="connsiteX48" fmla="*/ 846034 w 883066"/>
              <a:gd name="connsiteY48" fmla="*/ 541234 h 774819"/>
              <a:gd name="connsiteX49" fmla="*/ 806154 w 883066"/>
              <a:gd name="connsiteY49" fmla="*/ 529840 h 774819"/>
              <a:gd name="connsiteX50" fmla="*/ 771970 w 883066"/>
              <a:gd name="connsiteY50" fmla="*/ 555477 h 774819"/>
              <a:gd name="connsiteX51" fmla="*/ 752030 w 883066"/>
              <a:gd name="connsiteY51" fmla="*/ 544083 h 774819"/>
              <a:gd name="connsiteX52" fmla="*/ 740636 w 883066"/>
              <a:gd name="connsiteY52" fmla="*/ 515597 h 774819"/>
              <a:gd name="connsiteX53" fmla="*/ 709301 w 883066"/>
              <a:gd name="connsiteY53" fmla="*/ 518445 h 774819"/>
              <a:gd name="connsiteX54" fmla="*/ 712150 w 883066"/>
              <a:gd name="connsiteY54" fmla="*/ 546931 h 774819"/>
              <a:gd name="connsiteX55" fmla="*/ 675118 w 883066"/>
              <a:gd name="connsiteY55" fmla="*/ 566872 h 774819"/>
              <a:gd name="connsiteX56" fmla="*/ 655178 w 883066"/>
              <a:gd name="connsiteY56" fmla="*/ 566872 h 774819"/>
              <a:gd name="connsiteX57" fmla="*/ 632389 w 883066"/>
              <a:gd name="connsiteY57" fmla="*/ 558326 h 774819"/>
              <a:gd name="connsiteX58" fmla="*/ 635238 w 883066"/>
              <a:gd name="connsiteY58" fmla="*/ 529840 h 774819"/>
              <a:gd name="connsiteX59" fmla="*/ 603903 w 883066"/>
              <a:gd name="connsiteY59" fmla="*/ 498505 h 774819"/>
              <a:gd name="connsiteX60" fmla="*/ 620995 w 883066"/>
              <a:gd name="connsiteY60" fmla="*/ 487111 h 774819"/>
              <a:gd name="connsiteX61" fmla="*/ 660875 w 883066"/>
              <a:gd name="connsiteY61" fmla="*/ 492808 h 774819"/>
              <a:gd name="connsiteX62" fmla="*/ 683664 w 883066"/>
              <a:gd name="connsiteY62" fmla="*/ 472868 h 774819"/>
              <a:gd name="connsiteX63" fmla="*/ 729241 w 883066"/>
              <a:gd name="connsiteY63" fmla="*/ 487111 h 774819"/>
              <a:gd name="connsiteX64" fmla="*/ 729241 w 883066"/>
              <a:gd name="connsiteY64" fmla="*/ 487111 h 774819"/>
              <a:gd name="connsiteX65" fmla="*/ 766273 w 883066"/>
              <a:gd name="connsiteY65" fmla="*/ 495657 h 774819"/>
              <a:gd name="connsiteX66" fmla="*/ 766273 w 883066"/>
              <a:gd name="connsiteY66" fmla="*/ 455776 h 774819"/>
              <a:gd name="connsiteX67" fmla="*/ 734939 w 883066"/>
              <a:gd name="connsiteY67" fmla="*/ 444382 h 774819"/>
              <a:gd name="connsiteX68" fmla="*/ 734939 w 883066"/>
              <a:gd name="connsiteY68" fmla="*/ 378864 h 774819"/>
              <a:gd name="connsiteX69" fmla="*/ 723544 w 883066"/>
              <a:gd name="connsiteY69" fmla="*/ 356075 h 774819"/>
              <a:gd name="connsiteX70" fmla="*/ 438684 w 883066"/>
              <a:gd name="connsiteY70" fmla="*/ 381713 h 774819"/>
              <a:gd name="connsiteX71" fmla="*/ 444382 w 883066"/>
              <a:gd name="connsiteY71" fmla="*/ 273466 h 774819"/>
              <a:gd name="connsiteX72" fmla="*/ 492808 w 883066"/>
              <a:gd name="connsiteY72" fmla="*/ 202251 h 774819"/>
              <a:gd name="connsiteX73" fmla="*/ 481413 w 883066"/>
              <a:gd name="connsiteY73" fmla="*/ 150976 h 774819"/>
              <a:gd name="connsiteX74" fmla="*/ 495656 w 883066"/>
              <a:gd name="connsiteY74" fmla="*/ 119642 h 774819"/>
              <a:gd name="connsiteX75" fmla="*/ 475716 w 883066"/>
              <a:gd name="connsiteY75" fmla="*/ 0 h 774819"/>
              <a:gd name="connsiteX76" fmla="*/ 0 w 883066"/>
              <a:gd name="connsiteY76" fmla="*/ 62670 h 774819"/>
              <a:gd name="connsiteX0" fmla="*/ 0 w 883066"/>
              <a:gd name="connsiteY0" fmla="*/ 62670 h 774819"/>
              <a:gd name="connsiteX1" fmla="*/ 14243 w 883066"/>
              <a:gd name="connsiteY1" fmla="*/ 188008 h 774819"/>
              <a:gd name="connsiteX2" fmla="*/ 17092 w 883066"/>
              <a:gd name="connsiteY2" fmla="*/ 253526 h 774819"/>
              <a:gd name="connsiteX3" fmla="*/ 39881 w 883066"/>
              <a:gd name="connsiteY3" fmla="*/ 313346 h 774819"/>
              <a:gd name="connsiteX4" fmla="*/ 76912 w 883066"/>
              <a:gd name="connsiteY4" fmla="*/ 361772 h 774819"/>
              <a:gd name="connsiteX5" fmla="*/ 108247 w 883066"/>
              <a:gd name="connsiteY5" fmla="*/ 450079 h 774819"/>
              <a:gd name="connsiteX6" fmla="*/ 79761 w 883066"/>
              <a:gd name="connsiteY6" fmla="*/ 526991 h 774819"/>
              <a:gd name="connsiteX7" fmla="*/ 82610 w 883066"/>
              <a:gd name="connsiteY7" fmla="*/ 561174 h 774819"/>
              <a:gd name="connsiteX8" fmla="*/ 102550 w 883066"/>
              <a:gd name="connsiteY8" fmla="*/ 615298 h 774819"/>
              <a:gd name="connsiteX9" fmla="*/ 94004 w 883066"/>
              <a:gd name="connsiteY9" fmla="*/ 697907 h 774819"/>
              <a:gd name="connsiteX10" fmla="*/ 84178 w 883066"/>
              <a:gd name="connsiteY10" fmla="*/ 697179 h 774819"/>
              <a:gd name="connsiteX11" fmla="*/ 136733 w 883066"/>
              <a:gd name="connsiteY11" fmla="*/ 686513 h 774819"/>
              <a:gd name="connsiteX12" fmla="*/ 182311 w 883066"/>
              <a:gd name="connsiteY12" fmla="*/ 669421 h 774819"/>
              <a:gd name="connsiteX13" fmla="*/ 236434 w 883066"/>
              <a:gd name="connsiteY13" fmla="*/ 677967 h 774819"/>
              <a:gd name="connsiteX14" fmla="*/ 296254 w 883066"/>
              <a:gd name="connsiteY14" fmla="*/ 703604 h 774819"/>
              <a:gd name="connsiteX15" fmla="*/ 358924 w 883066"/>
              <a:gd name="connsiteY15" fmla="*/ 703604 h 774819"/>
              <a:gd name="connsiteX16" fmla="*/ 361772 w 883066"/>
              <a:gd name="connsiteY16" fmla="*/ 660875 h 774819"/>
              <a:gd name="connsiteX17" fmla="*/ 387410 w 883066"/>
              <a:gd name="connsiteY17" fmla="*/ 646632 h 774819"/>
              <a:gd name="connsiteX18" fmla="*/ 424441 w 883066"/>
              <a:gd name="connsiteY18" fmla="*/ 649481 h 774819"/>
              <a:gd name="connsiteX19" fmla="*/ 447230 w 883066"/>
              <a:gd name="connsiteY19" fmla="*/ 658027 h 774819"/>
              <a:gd name="connsiteX20" fmla="*/ 492808 w 883066"/>
              <a:gd name="connsiteY20" fmla="*/ 692210 h 774819"/>
              <a:gd name="connsiteX21" fmla="*/ 501354 w 883066"/>
              <a:gd name="connsiteY21" fmla="*/ 649481 h 774819"/>
              <a:gd name="connsiteX22" fmla="*/ 467170 w 883066"/>
              <a:gd name="connsiteY22" fmla="*/ 612449 h 774819"/>
              <a:gd name="connsiteX23" fmla="*/ 458625 w 883066"/>
              <a:gd name="connsiteY23" fmla="*/ 595357 h 774819"/>
              <a:gd name="connsiteX24" fmla="*/ 472868 w 883066"/>
              <a:gd name="connsiteY24" fmla="*/ 589660 h 774819"/>
              <a:gd name="connsiteX25" fmla="*/ 492808 w 883066"/>
              <a:gd name="connsiteY25" fmla="*/ 592509 h 774819"/>
              <a:gd name="connsiteX26" fmla="*/ 535537 w 883066"/>
              <a:gd name="connsiteY26" fmla="*/ 643784 h 774819"/>
              <a:gd name="connsiteX27" fmla="*/ 524142 w 883066"/>
              <a:gd name="connsiteY27" fmla="*/ 675118 h 774819"/>
              <a:gd name="connsiteX28" fmla="*/ 529840 w 883066"/>
              <a:gd name="connsiteY28" fmla="*/ 746333 h 774819"/>
              <a:gd name="connsiteX29" fmla="*/ 589660 w 883066"/>
              <a:gd name="connsiteY29" fmla="*/ 774819 h 774819"/>
              <a:gd name="connsiteX30" fmla="*/ 620995 w 883066"/>
              <a:gd name="connsiteY30" fmla="*/ 732090 h 774819"/>
              <a:gd name="connsiteX31" fmla="*/ 683664 w 883066"/>
              <a:gd name="connsiteY31" fmla="*/ 746333 h 774819"/>
              <a:gd name="connsiteX32" fmla="*/ 709301 w 883066"/>
              <a:gd name="connsiteY32" fmla="*/ 717847 h 774819"/>
              <a:gd name="connsiteX33" fmla="*/ 700755 w 883066"/>
              <a:gd name="connsiteY33" fmla="*/ 663724 h 774819"/>
              <a:gd name="connsiteX34" fmla="*/ 680815 w 883066"/>
              <a:gd name="connsiteY34" fmla="*/ 640935 h 774819"/>
              <a:gd name="connsiteX35" fmla="*/ 683664 w 883066"/>
              <a:gd name="connsiteY35" fmla="*/ 618146 h 774819"/>
              <a:gd name="connsiteX36" fmla="*/ 734939 w 883066"/>
              <a:gd name="connsiteY36" fmla="*/ 646632 h 774819"/>
              <a:gd name="connsiteX37" fmla="*/ 757727 w 883066"/>
              <a:gd name="connsiteY37" fmla="*/ 683664 h 774819"/>
              <a:gd name="connsiteX38" fmla="*/ 803305 w 883066"/>
              <a:gd name="connsiteY38" fmla="*/ 695058 h 774819"/>
              <a:gd name="connsiteX39" fmla="*/ 848883 w 883066"/>
              <a:gd name="connsiteY39" fmla="*/ 734939 h 774819"/>
              <a:gd name="connsiteX40" fmla="*/ 883066 w 883066"/>
              <a:gd name="connsiteY40" fmla="*/ 714999 h 774819"/>
              <a:gd name="connsiteX41" fmla="*/ 883066 w 883066"/>
              <a:gd name="connsiteY41" fmla="*/ 689361 h 774819"/>
              <a:gd name="connsiteX42" fmla="*/ 846034 w 883066"/>
              <a:gd name="connsiteY42" fmla="*/ 646632 h 774819"/>
              <a:gd name="connsiteX43" fmla="*/ 817548 w 883066"/>
              <a:gd name="connsiteY43" fmla="*/ 632389 h 774819"/>
              <a:gd name="connsiteX44" fmla="*/ 791911 w 883066"/>
              <a:gd name="connsiteY44" fmla="*/ 609600 h 774819"/>
              <a:gd name="connsiteX45" fmla="*/ 803305 w 883066"/>
              <a:gd name="connsiteY45" fmla="*/ 586812 h 774819"/>
              <a:gd name="connsiteX46" fmla="*/ 817548 w 883066"/>
              <a:gd name="connsiteY46" fmla="*/ 583963 h 774819"/>
              <a:gd name="connsiteX47" fmla="*/ 837488 w 883066"/>
              <a:gd name="connsiteY47" fmla="*/ 583963 h 774819"/>
              <a:gd name="connsiteX48" fmla="*/ 848883 w 883066"/>
              <a:gd name="connsiteY48" fmla="*/ 555477 h 774819"/>
              <a:gd name="connsiteX49" fmla="*/ 846034 w 883066"/>
              <a:gd name="connsiteY49" fmla="*/ 541234 h 774819"/>
              <a:gd name="connsiteX50" fmla="*/ 806154 w 883066"/>
              <a:gd name="connsiteY50" fmla="*/ 529840 h 774819"/>
              <a:gd name="connsiteX51" fmla="*/ 771970 w 883066"/>
              <a:gd name="connsiteY51" fmla="*/ 555477 h 774819"/>
              <a:gd name="connsiteX52" fmla="*/ 752030 w 883066"/>
              <a:gd name="connsiteY52" fmla="*/ 544083 h 774819"/>
              <a:gd name="connsiteX53" fmla="*/ 740636 w 883066"/>
              <a:gd name="connsiteY53" fmla="*/ 515597 h 774819"/>
              <a:gd name="connsiteX54" fmla="*/ 709301 w 883066"/>
              <a:gd name="connsiteY54" fmla="*/ 518445 h 774819"/>
              <a:gd name="connsiteX55" fmla="*/ 712150 w 883066"/>
              <a:gd name="connsiteY55" fmla="*/ 546931 h 774819"/>
              <a:gd name="connsiteX56" fmla="*/ 675118 w 883066"/>
              <a:gd name="connsiteY56" fmla="*/ 566872 h 774819"/>
              <a:gd name="connsiteX57" fmla="*/ 655178 w 883066"/>
              <a:gd name="connsiteY57" fmla="*/ 566872 h 774819"/>
              <a:gd name="connsiteX58" fmla="*/ 632389 w 883066"/>
              <a:gd name="connsiteY58" fmla="*/ 558326 h 774819"/>
              <a:gd name="connsiteX59" fmla="*/ 635238 w 883066"/>
              <a:gd name="connsiteY59" fmla="*/ 529840 h 774819"/>
              <a:gd name="connsiteX60" fmla="*/ 603903 w 883066"/>
              <a:gd name="connsiteY60" fmla="*/ 498505 h 774819"/>
              <a:gd name="connsiteX61" fmla="*/ 620995 w 883066"/>
              <a:gd name="connsiteY61" fmla="*/ 487111 h 774819"/>
              <a:gd name="connsiteX62" fmla="*/ 660875 w 883066"/>
              <a:gd name="connsiteY62" fmla="*/ 492808 h 774819"/>
              <a:gd name="connsiteX63" fmla="*/ 683664 w 883066"/>
              <a:gd name="connsiteY63" fmla="*/ 472868 h 774819"/>
              <a:gd name="connsiteX64" fmla="*/ 729241 w 883066"/>
              <a:gd name="connsiteY64" fmla="*/ 487111 h 774819"/>
              <a:gd name="connsiteX65" fmla="*/ 729241 w 883066"/>
              <a:gd name="connsiteY65" fmla="*/ 487111 h 774819"/>
              <a:gd name="connsiteX66" fmla="*/ 766273 w 883066"/>
              <a:gd name="connsiteY66" fmla="*/ 495657 h 774819"/>
              <a:gd name="connsiteX67" fmla="*/ 766273 w 883066"/>
              <a:gd name="connsiteY67" fmla="*/ 455776 h 774819"/>
              <a:gd name="connsiteX68" fmla="*/ 734939 w 883066"/>
              <a:gd name="connsiteY68" fmla="*/ 444382 h 774819"/>
              <a:gd name="connsiteX69" fmla="*/ 734939 w 883066"/>
              <a:gd name="connsiteY69" fmla="*/ 378864 h 774819"/>
              <a:gd name="connsiteX70" fmla="*/ 723544 w 883066"/>
              <a:gd name="connsiteY70" fmla="*/ 356075 h 774819"/>
              <a:gd name="connsiteX71" fmla="*/ 438684 w 883066"/>
              <a:gd name="connsiteY71" fmla="*/ 381713 h 774819"/>
              <a:gd name="connsiteX72" fmla="*/ 444382 w 883066"/>
              <a:gd name="connsiteY72" fmla="*/ 273466 h 774819"/>
              <a:gd name="connsiteX73" fmla="*/ 492808 w 883066"/>
              <a:gd name="connsiteY73" fmla="*/ 202251 h 774819"/>
              <a:gd name="connsiteX74" fmla="*/ 481413 w 883066"/>
              <a:gd name="connsiteY74" fmla="*/ 150976 h 774819"/>
              <a:gd name="connsiteX75" fmla="*/ 495656 w 883066"/>
              <a:gd name="connsiteY75" fmla="*/ 119642 h 774819"/>
              <a:gd name="connsiteX76" fmla="*/ 475716 w 883066"/>
              <a:gd name="connsiteY76" fmla="*/ 0 h 774819"/>
              <a:gd name="connsiteX77" fmla="*/ 0 w 883066"/>
              <a:gd name="connsiteY77" fmla="*/ 62670 h 774819"/>
              <a:gd name="connsiteX0" fmla="*/ 0 w 883066"/>
              <a:gd name="connsiteY0" fmla="*/ 62670 h 774819"/>
              <a:gd name="connsiteX1" fmla="*/ 14243 w 883066"/>
              <a:gd name="connsiteY1" fmla="*/ 188008 h 774819"/>
              <a:gd name="connsiteX2" fmla="*/ 17092 w 883066"/>
              <a:gd name="connsiteY2" fmla="*/ 253526 h 774819"/>
              <a:gd name="connsiteX3" fmla="*/ 39881 w 883066"/>
              <a:gd name="connsiteY3" fmla="*/ 313346 h 774819"/>
              <a:gd name="connsiteX4" fmla="*/ 76912 w 883066"/>
              <a:gd name="connsiteY4" fmla="*/ 361772 h 774819"/>
              <a:gd name="connsiteX5" fmla="*/ 108247 w 883066"/>
              <a:gd name="connsiteY5" fmla="*/ 450079 h 774819"/>
              <a:gd name="connsiteX6" fmla="*/ 79761 w 883066"/>
              <a:gd name="connsiteY6" fmla="*/ 526991 h 774819"/>
              <a:gd name="connsiteX7" fmla="*/ 82610 w 883066"/>
              <a:gd name="connsiteY7" fmla="*/ 561174 h 774819"/>
              <a:gd name="connsiteX8" fmla="*/ 83491 w 883066"/>
              <a:gd name="connsiteY8" fmla="*/ 615298 h 774819"/>
              <a:gd name="connsiteX9" fmla="*/ 94004 w 883066"/>
              <a:gd name="connsiteY9" fmla="*/ 697907 h 774819"/>
              <a:gd name="connsiteX10" fmla="*/ 84178 w 883066"/>
              <a:gd name="connsiteY10" fmla="*/ 697179 h 774819"/>
              <a:gd name="connsiteX11" fmla="*/ 136733 w 883066"/>
              <a:gd name="connsiteY11" fmla="*/ 686513 h 774819"/>
              <a:gd name="connsiteX12" fmla="*/ 182311 w 883066"/>
              <a:gd name="connsiteY12" fmla="*/ 669421 h 774819"/>
              <a:gd name="connsiteX13" fmla="*/ 236434 w 883066"/>
              <a:gd name="connsiteY13" fmla="*/ 677967 h 774819"/>
              <a:gd name="connsiteX14" fmla="*/ 296254 w 883066"/>
              <a:gd name="connsiteY14" fmla="*/ 703604 h 774819"/>
              <a:gd name="connsiteX15" fmla="*/ 358924 w 883066"/>
              <a:gd name="connsiteY15" fmla="*/ 703604 h 774819"/>
              <a:gd name="connsiteX16" fmla="*/ 361772 w 883066"/>
              <a:gd name="connsiteY16" fmla="*/ 660875 h 774819"/>
              <a:gd name="connsiteX17" fmla="*/ 387410 w 883066"/>
              <a:gd name="connsiteY17" fmla="*/ 646632 h 774819"/>
              <a:gd name="connsiteX18" fmla="*/ 424441 w 883066"/>
              <a:gd name="connsiteY18" fmla="*/ 649481 h 774819"/>
              <a:gd name="connsiteX19" fmla="*/ 447230 w 883066"/>
              <a:gd name="connsiteY19" fmla="*/ 658027 h 774819"/>
              <a:gd name="connsiteX20" fmla="*/ 492808 w 883066"/>
              <a:gd name="connsiteY20" fmla="*/ 692210 h 774819"/>
              <a:gd name="connsiteX21" fmla="*/ 501354 w 883066"/>
              <a:gd name="connsiteY21" fmla="*/ 649481 h 774819"/>
              <a:gd name="connsiteX22" fmla="*/ 467170 w 883066"/>
              <a:gd name="connsiteY22" fmla="*/ 612449 h 774819"/>
              <a:gd name="connsiteX23" fmla="*/ 458625 w 883066"/>
              <a:gd name="connsiteY23" fmla="*/ 595357 h 774819"/>
              <a:gd name="connsiteX24" fmla="*/ 472868 w 883066"/>
              <a:gd name="connsiteY24" fmla="*/ 589660 h 774819"/>
              <a:gd name="connsiteX25" fmla="*/ 492808 w 883066"/>
              <a:gd name="connsiteY25" fmla="*/ 592509 h 774819"/>
              <a:gd name="connsiteX26" fmla="*/ 535537 w 883066"/>
              <a:gd name="connsiteY26" fmla="*/ 643784 h 774819"/>
              <a:gd name="connsiteX27" fmla="*/ 524142 w 883066"/>
              <a:gd name="connsiteY27" fmla="*/ 675118 h 774819"/>
              <a:gd name="connsiteX28" fmla="*/ 529840 w 883066"/>
              <a:gd name="connsiteY28" fmla="*/ 746333 h 774819"/>
              <a:gd name="connsiteX29" fmla="*/ 589660 w 883066"/>
              <a:gd name="connsiteY29" fmla="*/ 774819 h 774819"/>
              <a:gd name="connsiteX30" fmla="*/ 620995 w 883066"/>
              <a:gd name="connsiteY30" fmla="*/ 732090 h 774819"/>
              <a:gd name="connsiteX31" fmla="*/ 683664 w 883066"/>
              <a:gd name="connsiteY31" fmla="*/ 746333 h 774819"/>
              <a:gd name="connsiteX32" fmla="*/ 709301 w 883066"/>
              <a:gd name="connsiteY32" fmla="*/ 717847 h 774819"/>
              <a:gd name="connsiteX33" fmla="*/ 700755 w 883066"/>
              <a:gd name="connsiteY33" fmla="*/ 663724 h 774819"/>
              <a:gd name="connsiteX34" fmla="*/ 680815 w 883066"/>
              <a:gd name="connsiteY34" fmla="*/ 640935 h 774819"/>
              <a:gd name="connsiteX35" fmla="*/ 683664 w 883066"/>
              <a:gd name="connsiteY35" fmla="*/ 618146 h 774819"/>
              <a:gd name="connsiteX36" fmla="*/ 734939 w 883066"/>
              <a:gd name="connsiteY36" fmla="*/ 646632 h 774819"/>
              <a:gd name="connsiteX37" fmla="*/ 757727 w 883066"/>
              <a:gd name="connsiteY37" fmla="*/ 683664 h 774819"/>
              <a:gd name="connsiteX38" fmla="*/ 803305 w 883066"/>
              <a:gd name="connsiteY38" fmla="*/ 695058 h 774819"/>
              <a:gd name="connsiteX39" fmla="*/ 848883 w 883066"/>
              <a:gd name="connsiteY39" fmla="*/ 734939 h 774819"/>
              <a:gd name="connsiteX40" fmla="*/ 883066 w 883066"/>
              <a:gd name="connsiteY40" fmla="*/ 714999 h 774819"/>
              <a:gd name="connsiteX41" fmla="*/ 883066 w 883066"/>
              <a:gd name="connsiteY41" fmla="*/ 689361 h 774819"/>
              <a:gd name="connsiteX42" fmla="*/ 846034 w 883066"/>
              <a:gd name="connsiteY42" fmla="*/ 646632 h 774819"/>
              <a:gd name="connsiteX43" fmla="*/ 817548 w 883066"/>
              <a:gd name="connsiteY43" fmla="*/ 632389 h 774819"/>
              <a:gd name="connsiteX44" fmla="*/ 791911 w 883066"/>
              <a:gd name="connsiteY44" fmla="*/ 609600 h 774819"/>
              <a:gd name="connsiteX45" fmla="*/ 803305 w 883066"/>
              <a:gd name="connsiteY45" fmla="*/ 586812 h 774819"/>
              <a:gd name="connsiteX46" fmla="*/ 817548 w 883066"/>
              <a:gd name="connsiteY46" fmla="*/ 583963 h 774819"/>
              <a:gd name="connsiteX47" fmla="*/ 837488 w 883066"/>
              <a:gd name="connsiteY47" fmla="*/ 583963 h 774819"/>
              <a:gd name="connsiteX48" fmla="*/ 848883 w 883066"/>
              <a:gd name="connsiteY48" fmla="*/ 555477 h 774819"/>
              <a:gd name="connsiteX49" fmla="*/ 846034 w 883066"/>
              <a:gd name="connsiteY49" fmla="*/ 541234 h 774819"/>
              <a:gd name="connsiteX50" fmla="*/ 806154 w 883066"/>
              <a:gd name="connsiteY50" fmla="*/ 529840 h 774819"/>
              <a:gd name="connsiteX51" fmla="*/ 771970 w 883066"/>
              <a:gd name="connsiteY51" fmla="*/ 555477 h 774819"/>
              <a:gd name="connsiteX52" fmla="*/ 752030 w 883066"/>
              <a:gd name="connsiteY52" fmla="*/ 544083 h 774819"/>
              <a:gd name="connsiteX53" fmla="*/ 740636 w 883066"/>
              <a:gd name="connsiteY53" fmla="*/ 515597 h 774819"/>
              <a:gd name="connsiteX54" fmla="*/ 709301 w 883066"/>
              <a:gd name="connsiteY54" fmla="*/ 518445 h 774819"/>
              <a:gd name="connsiteX55" fmla="*/ 712150 w 883066"/>
              <a:gd name="connsiteY55" fmla="*/ 546931 h 774819"/>
              <a:gd name="connsiteX56" fmla="*/ 675118 w 883066"/>
              <a:gd name="connsiteY56" fmla="*/ 566872 h 774819"/>
              <a:gd name="connsiteX57" fmla="*/ 655178 w 883066"/>
              <a:gd name="connsiteY57" fmla="*/ 566872 h 774819"/>
              <a:gd name="connsiteX58" fmla="*/ 632389 w 883066"/>
              <a:gd name="connsiteY58" fmla="*/ 558326 h 774819"/>
              <a:gd name="connsiteX59" fmla="*/ 635238 w 883066"/>
              <a:gd name="connsiteY59" fmla="*/ 529840 h 774819"/>
              <a:gd name="connsiteX60" fmla="*/ 603903 w 883066"/>
              <a:gd name="connsiteY60" fmla="*/ 498505 h 774819"/>
              <a:gd name="connsiteX61" fmla="*/ 620995 w 883066"/>
              <a:gd name="connsiteY61" fmla="*/ 487111 h 774819"/>
              <a:gd name="connsiteX62" fmla="*/ 660875 w 883066"/>
              <a:gd name="connsiteY62" fmla="*/ 492808 h 774819"/>
              <a:gd name="connsiteX63" fmla="*/ 683664 w 883066"/>
              <a:gd name="connsiteY63" fmla="*/ 472868 h 774819"/>
              <a:gd name="connsiteX64" fmla="*/ 729241 w 883066"/>
              <a:gd name="connsiteY64" fmla="*/ 487111 h 774819"/>
              <a:gd name="connsiteX65" fmla="*/ 729241 w 883066"/>
              <a:gd name="connsiteY65" fmla="*/ 487111 h 774819"/>
              <a:gd name="connsiteX66" fmla="*/ 766273 w 883066"/>
              <a:gd name="connsiteY66" fmla="*/ 495657 h 774819"/>
              <a:gd name="connsiteX67" fmla="*/ 766273 w 883066"/>
              <a:gd name="connsiteY67" fmla="*/ 455776 h 774819"/>
              <a:gd name="connsiteX68" fmla="*/ 734939 w 883066"/>
              <a:gd name="connsiteY68" fmla="*/ 444382 h 774819"/>
              <a:gd name="connsiteX69" fmla="*/ 734939 w 883066"/>
              <a:gd name="connsiteY69" fmla="*/ 378864 h 774819"/>
              <a:gd name="connsiteX70" fmla="*/ 723544 w 883066"/>
              <a:gd name="connsiteY70" fmla="*/ 356075 h 774819"/>
              <a:gd name="connsiteX71" fmla="*/ 438684 w 883066"/>
              <a:gd name="connsiteY71" fmla="*/ 381713 h 774819"/>
              <a:gd name="connsiteX72" fmla="*/ 444382 w 883066"/>
              <a:gd name="connsiteY72" fmla="*/ 273466 h 774819"/>
              <a:gd name="connsiteX73" fmla="*/ 492808 w 883066"/>
              <a:gd name="connsiteY73" fmla="*/ 202251 h 774819"/>
              <a:gd name="connsiteX74" fmla="*/ 481413 w 883066"/>
              <a:gd name="connsiteY74" fmla="*/ 150976 h 774819"/>
              <a:gd name="connsiteX75" fmla="*/ 495656 w 883066"/>
              <a:gd name="connsiteY75" fmla="*/ 119642 h 774819"/>
              <a:gd name="connsiteX76" fmla="*/ 475716 w 883066"/>
              <a:gd name="connsiteY76" fmla="*/ 0 h 774819"/>
              <a:gd name="connsiteX77" fmla="*/ 0 w 883066"/>
              <a:gd name="connsiteY77" fmla="*/ 62670 h 774819"/>
              <a:gd name="connsiteX0" fmla="*/ 0 w 883066"/>
              <a:gd name="connsiteY0" fmla="*/ 62670 h 774819"/>
              <a:gd name="connsiteX1" fmla="*/ 14243 w 883066"/>
              <a:gd name="connsiteY1" fmla="*/ 188008 h 774819"/>
              <a:gd name="connsiteX2" fmla="*/ 17092 w 883066"/>
              <a:gd name="connsiteY2" fmla="*/ 253526 h 774819"/>
              <a:gd name="connsiteX3" fmla="*/ 39881 w 883066"/>
              <a:gd name="connsiteY3" fmla="*/ 313346 h 774819"/>
              <a:gd name="connsiteX4" fmla="*/ 76912 w 883066"/>
              <a:gd name="connsiteY4" fmla="*/ 361772 h 774819"/>
              <a:gd name="connsiteX5" fmla="*/ 108247 w 883066"/>
              <a:gd name="connsiteY5" fmla="*/ 450079 h 774819"/>
              <a:gd name="connsiteX6" fmla="*/ 79761 w 883066"/>
              <a:gd name="connsiteY6" fmla="*/ 526991 h 774819"/>
              <a:gd name="connsiteX7" fmla="*/ 82610 w 883066"/>
              <a:gd name="connsiteY7" fmla="*/ 561174 h 774819"/>
              <a:gd name="connsiteX8" fmla="*/ 83491 w 883066"/>
              <a:gd name="connsiteY8" fmla="*/ 615298 h 774819"/>
              <a:gd name="connsiteX9" fmla="*/ 84178 w 883066"/>
              <a:gd name="connsiteY9" fmla="*/ 697179 h 774819"/>
              <a:gd name="connsiteX10" fmla="*/ 136733 w 883066"/>
              <a:gd name="connsiteY10" fmla="*/ 686513 h 774819"/>
              <a:gd name="connsiteX11" fmla="*/ 182311 w 883066"/>
              <a:gd name="connsiteY11" fmla="*/ 669421 h 774819"/>
              <a:gd name="connsiteX12" fmla="*/ 236434 w 883066"/>
              <a:gd name="connsiteY12" fmla="*/ 677967 h 774819"/>
              <a:gd name="connsiteX13" fmla="*/ 296254 w 883066"/>
              <a:gd name="connsiteY13" fmla="*/ 703604 h 774819"/>
              <a:gd name="connsiteX14" fmla="*/ 358924 w 883066"/>
              <a:gd name="connsiteY14" fmla="*/ 703604 h 774819"/>
              <a:gd name="connsiteX15" fmla="*/ 361772 w 883066"/>
              <a:gd name="connsiteY15" fmla="*/ 660875 h 774819"/>
              <a:gd name="connsiteX16" fmla="*/ 387410 w 883066"/>
              <a:gd name="connsiteY16" fmla="*/ 646632 h 774819"/>
              <a:gd name="connsiteX17" fmla="*/ 424441 w 883066"/>
              <a:gd name="connsiteY17" fmla="*/ 649481 h 774819"/>
              <a:gd name="connsiteX18" fmla="*/ 447230 w 883066"/>
              <a:gd name="connsiteY18" fmla="*/ 658027 h 774819"/>
              <a:gd name="connsiteX19" fmla="*/ 492808 w 883066"/>
              <a:gd name="connsiteY19" fmla="*/ 692210 h 774819"/>
              <a:gd name="connsiteX20" fmla="*/ 501354 w 883066"/>
              <a:gd name="connsiteY20" fmla="*/ 649481 h 774819"/>
              <a:gd name="connsiteX21" fmla="*/ 467170 w 883066"/>
              <a:gd name="connsiteY21" fmla="*/ 612449 h 774819"/>
              <a:gd name="connsiteX22" fmla="*/ 458625 w 883066"/>
              <a:gd name="connsiteY22" fmla="*/ 595357 h 774819"/>
              <a:gd name="connsiteX23" fmla="*/ 472868 w 883066"/>
              <a:gd name="connsiteY23" fmla="*/ 589660 h 774819"/>
              <a:gd name="connsiteX24" fmla="*/ 492808 w 883066"/>
              <a:gd name="connsiteY24" fmla="*/ 592509 h 774819"/>
              <a:gd name="connsiteX25" fmla="*/ 535537 w 883066"/>
              <a:gd name="connsiteY25" fmla="*/ 643784 h 774819"/>
              <a:gd name="connsiteX26" fmla="*/ 524142 w 883066"/>
              <a:gd name="connsiteY26" fmla="*/ 675118 h 774819"/>
              <a:gd name="connsiteX27" fmla="*/ 529840 w 883066"/>
              <a:gd name="connsiteY27" fmla="*/ 746333 h 774819"/>
              <a:gd name="connsiteX28" fmla="*/ 589660 w 883066"/>
              <a:gd name="connsiteY28" fmla="*/ 774819 h 774819"/>
              <a:gd name="connsiteX29" fmla="*/ 620995 w 883066"/>
              <a:gd name="connsiteY29" fmla="*/ 732090 h 774819"/>
              <a:gd name="connsiteX30" fmla="*/ 683664 w 883066"/>
              <a:gd name="connsiteY30" fmla="*/ 746333 h 774819"/>
              <a:gd name="connsiteX31" fmla="*/ 709301 w 883066"/>
              <a:gd name="connsiteY31" fmla="*/ 717847 h 774819"/>
              <a:gd name="connsiteX32" fmla="*/ 700755 w 883066"/>
              <a:gd name="connsiteY32" fmla="*/ 663724 h 774819"/>
              <a:gd name="connsiteX33" fmla="*/ 680815 w 883066"/>
              <a:gd name="connsiteY33" fmla="*/ 640935 h 774819"/>
              <a:gd name="connsiteX34" fmla="*/ 683664 w 883066"/>
              <a:gd name="connsiteY34" fmla="*/ 618146 h 774819"/>
              <a:gd name="connsiteX35" fmla="*/ 734939 w 883066"/>
              <a:gd name="connsiteY35" fmla="*/ 646632 h 774819"/>
              <a:gd name="connsiteX36" fmla="*/ 757727 w 883066"/>
              <a:gd name="connsiteY36" fmla="*/ 683664 h 774819"/>
              <a:gd name="connsiteX37" fmla="*/ 803305 w 883066"/>
              <a:gd name="connsiteY37" fmla="*/ 695058 h 774819"/>
              <a:gd name="connsiteX38" fmla="*/ 848883 w 883066"/>
              <a:gd name="connsiteY38" fmla="*/ 734939 h 774819"/>
              <a:gd name="connsiteX39" fmla="*/ 883066 w 883066"/>
              <a:gd name="connsiteY39" fmla="*/ 714999 h 774819"/>
              <a:gd name="connsiteX40" fmla="*/ 883066 w 883066"/>
              <a:gd name="connsiteY40" fmla="*/ 689361 h 774819"/>
              <a:gd name="connsiteX41" fmla="*/ 846034 w 883066"/>
              <a:gd name="connsiteY41" fmla="*/ 646632 h 774819"/>
              <a:gd name="connsiteX42" fmla="*/ 817548 w 883066"/>
              <a:gd name="connsiteY42" fmla="*/ 632389 h 774819"/>
              <a:gd name="connsiteX43" fmla="*/ 791911 w 883066"/>
              <a:gd name="connsiteY43" fmla="*/ 609600 h 774819"/>
              <a:gd name="connsiteX44" fmla="*/ 803305 w 883066"/>
              <a:gd name="connsiteY44" fmla="*/ 586812 h 774819"/>
              <a:gd name="connsiteX45" fmla="*/ 817548 w 883066"/>
              <a:gd name="connsiteY45" fmla="*/ 583963 h 774819"/>
              <a:gd name="connsiteX46" fmla="*/ 837488 w 883066"/>
              <a:gd name="connsiteY46" fmla="*/ 583963 h 774819"/>
              <a:gd name="connsiteX47" fmla="*/ 848883 w 883066"/>
              <a:gd name="connsiteY47" fmla="*/ 555477 h 774819"/>
              <a:gd name="connsiteX48" fmla="*/ 846034 w 883066"/>
              <a:gd name="connsiteY48" fmla="*/ 541234 h 774819"/>
              <a:gd name="connsiteX49" fmla="*/ 806154 w 883066"/>
              <a:gd name="connsiteY49" fmla="*/ 529840 h 774819"/>
              <a:gd name="connsiteX50" fmla="*/ 771970 w 883066"/>
              <a:gd name="connsiteY50" fmla="*/ 555477 h 774819"/>
              <a:gd name="connsiteX51" fmla="*/ 752030 w 883066"/>
              <a:gd name="connsiteY51" fmla="*/ 544083 h 774819"/>
              <a:gd name="connsiteX52" fmla="*/ 740636 w 883066"/>
              <a:gd name="connsiteY52" fmla="*/ 515597 h 774819"/>
              <a:gd name="connsiteX53" fmla="*/ 709301 w 883066"/>
              <a:gd name="connsiteY53" fmla="*/ 518445 h 774819"/>
              <a:gd name="connsiteX54" fmla="*/ 712150 w 883066"/>
              <a:gd name="connsiteY54" fmla="*/ 546931 h 774819"/>
              <a:gd name="connsiteX55" fmla="*/ 675118 w 883066"/>
              <a:gd name="connsiteY55" fmla="*/ 566872 h 774819"/>
              <a:gd name="connsiteX56" fmla="*/ 655178 w 883066"/>
              <a:gd name="connsiteY56" fmla="*/ 566872 h 774819"/>
              <a:gd name="connsiteX57" fmla="*/ 632389 w 883066"/>
              <a:gd name="connsiteY57" fmla="*/ 558326 h 774819"/>
              <a:gd name="connsiteX58" fmla="*/ 635238 w 883066"/>
              <a:gd name="connsiteY58" fmla="*/ 529840 h 774819"/>
              <a:gd name="connsiteX59" fmla="*/ 603903 w 883066"/>
              <a:gd name="connsiteY59" fmla="*/ 498505 h 774819"/>
              <a:gd name="connsiteX60" fmla="*/ 620995 w 883066"/>
              <a:gd name="connsiteY60" fmla="*/ 487111 h 774819"/>
              <a:gd name="connsiteX61" fmla="*/ 660875 w 883066"/>
              <a:gd name="connsiteY61" fmla="*/ 492808 h 774819"/>
              <a:gd name="connsiteX62" fmla="*/ 683664 w 883066"/>
              <a:gd name="connsiteY62" fmla="*/ 472868 h 774819"/>
              <a:gd name="connsiteX63" fmla="*/ 729241 w 883066"/>
              <a:gd name="connsiteY63" fmla="*/ 487111 h 774819"/>
              <a:gd name="connsiteX64" fmla="*/ 729241 w 883066"/>
              <a:gd name="connsiteY64" fmla="*/ 487111 h 774819"/>
              <a:gd name="connsiteX65" fmla="*/ 766273 w 883066"/>
              <a:gd name="connsiteY65" fmla="*/ 495657 h 774819"/>
              <a:gd name="connsiteX66" fmla="*/ 766273 w 883066"/>
              <a:gd name="connsiteY66" fmla="*/ 455776 h 774819"/>
              <a:gd name="connsiteX67" fmla="*/ 734939 w 883066"/>
              <a:gd name="connsiteY67" fmla="*/ 444382 h 774819"/>
              <a:gd name="connsiteX68" fmla="*/ 734939 w 883066"/>
              <a:gd name="connsiteY68" fmla="*/ 378864 h 774819"/>
              <a:gd name="connsiteX69" fmla="*/ 723544 w 883066"/>
              <a:gd name="connsiteY69" fmla="*/ 356075 h 774819"/>
              <a:gd name="connsiteX70" fmla="*/ 438684 w 883066"/>
              <a:gd name="connsiteY70" fmla="*/ 381713 h 774819"/>
              <a:gd name="connsiteX71" fmla="*/ 444382 w 883066"/>
              <a:gd name="connsiteY71" fmla="*/ 273466 h 774819"/>
              <a:gd name="connsiteX72" fmla="*/ 492808 w 883066"/>
              <a:gd name="connsiteY72" fmla="*/ 202251 h 774819"/>
              <a:gd name="connsiteX73" fmla="*/ 481413 w 883066"/>
              <a:gd name="connsiteY73" fmla="*/ 150976 h 774819"/>
              <a:gd name="connsiteX74" fmla="*/ 495656 w 883066"/>
              <a:gd name="connsiteY74" fmla="*/ 119642 h 774819"/>
              <a:gd name="connsiteX75" fmla="*/ 475716 w 883066"/>
              <a:gd name="connsiteY75" fmla="*/ 0 h 774819"/>
              <a:gd name="connsiteX76" fmla="*/ 0 w 883066"/>
              <a:gd name="connsiteY76" fmla="*/ 62670 h 7748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</a:cxnLst>
            <a:rect l="l" t="t" r="r" b="b"/>
            <a:pathLst>
              <a:path w="883066" h="774819">
                <a:moveTo>
                  <a:pt x="0" y="62670"/>
                </a:moveTo>
                <a:lnTo>
                  <a:pt x="14243" y="188008"/>
                </a:lnTo>
                <a:lnTo>
                  <a:pt x="17092" y="253526"/>
                </a:lnTo>
                <a:lnTo>
                  <a:pt x="39881" y="313346"/>
                </a:lnTo>
                <a:lnTo>
                  <a:pt x="76912" y="361772"/>
                </a:lnTo>
                <a:lnTo>
                  <a:pt x="108247" y="450079"/>
                </a:lnTo>
                <a:lnTo>
                  <a:pt x="79761" y="526991"/>
                </a:lnTo>
                <a:lnTo>
                  <a:pt x="82610" y="561174"/>
                </a:lnTo>
                <a:cubicBezTo>
                  <a:pt x="82904" y="579215"/>
                  <a:pt x="83197" y="597257"/>
                  <a:pt x="83491" y="615298"/>
                </a:cubicBezTo>
                <a:lnTo>
                  <a:pt x="84178" y="697179"/>
                </a:lnTo>
                <a:lnTo>
                  <a:pt x="136733" y="686513"/>
                </a:lnTo>
                <a:lnTo>
                  <a:pt x="182311" y="669421"/>
                </a:lnTo>
                <a:lnTo>
                  <a:pt x="236434" y="677967"/>
                </a:lnTo>
                <a:lnTo>
                  <a:pt x="296254" y="703604"/>
                </a:lnTo>
                <a:lnTo>
                  <a:pt x="358924" y="703604"/>
                </a:lnTo>
                <a:lnTo>
                  <a:pt x="361772" y="660875"/>
                </a:lnTo>
                <a:lnTo>
                  <a:pt x="387410" y="646632"/>
                </a:lnTo>
                <a:lnTo>
                  <a:pt x="424441" y="649481"/>
                </a:lnTo>
                <a:lnTo>
                  <a:pt x="447230" y="658027"/>
                </a:lnTo>
                <a:lnTo>
                  <a:pt x="492808" y="692210"/>
                </a:lnTo>
                <a:lnTo>
                  <a:pt x="501354" y="649481"/>
                </a:lnTo>
                <a:lnTo>
                  <a:pt x="467170" y="612449"/>
                </a:lnTo>
                <a:lnTo>
                  <a:pt x="458625" y="595357"/>
                </a:lnTo>
                <a:lnTo>
                  <a:pt x="472868" y="589660"/>
                </a:lnTo>
                <a:lnTo>
                  <a:pt x="492808" y="592509"/>
                </a:lnTo>
                <a:lnTo>
                  <a:pt x="535537" y="643784"/>
                </a:lnTo>
                <a:lnTo>
                  <a:pt x="524142" y="675118"/>
                </a:lnTo>
                <a:lnTo>
                  <a:pt x="529840" y="746333"/>
                </a:lnTo>
                <a:lnTo>
                  <a:pt x="589660" y="774819"/>
                </a:lnTo>
                <a:lnTo>
                  <a:pt x="620995" y="732090"/>
                </a:lnTo>
                <a:lnTo>
                  <a:pt x="683664" y="746333"/>
                </a:lnTo>
                <a:lnTo>
                  <a:pt x="709301" y="717847"/>
                </a:lnTo>
                <a:lnTo>
                  <a:pt x="700755" y="663724"/>
                </a:lnTo>
                <a:lnTo>
                  <a:pt x="680815" y="640935"/>
                </a:lnTo>
                <a:lnTo>
                  <a:pt x="683664" y="618146"/>
                </a:lnTo>
                <a:lnTo>
                  <a:pt x="734939" y="646632"/>
                </a:lnTo>
                <a:lnTo>
                  <a:pt x="757727" y="683664"/>
                </a:lnTo>
                <a:lnTo>
                  <a:pt x="803305" y="695058"/>
                </a:lnTo>
                <a:lnTo>
                  <a:pt x="848883" y="734939"/>
                </a:lnTo>
                <a:lnTo>
                  <a:pt x="883066" y="714999"/>
                </a:lnTo>
                <a:lnTo>
                  <a:pt x="883066" y="689361"/>
                </a:lnTo>
                <a:lnTo>
                  <a:pt x="846034" y="646632"/>
                </a:lnTo>
                <a:lnTo>
                  <a:pt x="817548" y="632389"/>
                </a:lnTo>
                <a:lnTo>
                  <a:pt x="791911" y="609600"/>
                </a:lnTo>
                <a:lnTo>
                  <a:pt x="803305" y="586812"/>
                </a:lnTo>
                <a:lnTo>
                  <a:pt x="817548" y="583963"/>
                </a:lnTo>
                <a:lnTo>
                  <a:pt x="837488" y="583963"/>
                </a:lnTo>
                <a:lnTo>
                  <a:pt x="848883" y="555477"/>
                </a:lnTo>
                <a:lnTo>
                  <a:pt x="846034" y="541234"/>
                </a:lnTo>
                <a:lnTo>
                  <a:pt x="806154" y="529840"/>
                </a:lnTo>
                <a:lnTo>
                  <a:pt x="771970" y="555477"/>
                </a:lnTo>
                <a:lnTo>
                  <a:pt x="752030" y="544083"/>
                </a:lnTo>
                <a:lnTo>
                  <a:pt x="740636" y="515597"/>
                </a:lnTo>
                <a:lnTo>
                  <a:pt x="709301" y="518445"/>
                </a:lnTo>
                <a:lnTo>
                  <a:pt x="712150" y="546931"/>
                </a:lnTo>
                <a:lnTo>
                  <a:pt x="675118" y="566872"/>
                </a:lnTo>
                <a:lnTo>
                  <a:pt x="655178" y="566872"/>
                </a:lnTo>
                <a:lnTo>
                  <a:pt x="632389" y="558326"/>
                </a:lnTo>
                <a:lnTo>
                  <a:pt x="635238" y="529840"/>
                </a:lnTo>
                <a:lnTo>
                  <a:pt x="603903" y="498505"/>
                </a:lnTo>
                <a:lnTo>
                  <a:pt x="620995" y="487111"/>
                </a:lnTo>
                <a:lnTo>
                  <a:pt x="660875" y="492808"/>
                </a:lnTo>
                <a:lnTo>
                  <a:pt x="683664" y="472868"/>
                </a:lnTo>
                <a:lnTo>
                  <a:pt x="729241" y="487111"/>
                </a:lnTo>
                <a:lnTo>
                  <a:pt x="729241" y="487111"/>
                </a:lnTo>
                <a:lnTo>
                  <a:pt x="766273" y="495657"/>
                </a:lnTo>
                <a:lnTo>
                  <a:pt x="766273" y="455776"/>
                </a:lnTo>
                <a:lnTo>
                  <a:pt x="734939" y="444382"/>
                </a:lnTo>
                <a:lnTo>
                  <a:pt x="734939" y="378864"/>
                </a:lnTo>
                <a:lnTo>
                  <a:pt x="723544" y="356075"/>
                </a:lnTo>
                <a:lnTo>
                  <a:pt x="438684" y="381713"/>
                </a:lnTo>
                <a:lnTo>
                  <a:pt x="444382" y="273466"/>
                </a:lnTo>
                <a:lnTo>
                  <a:pt x="492808" y="202251"/>
                </a:lnTo>
                <a:lnTo>
                  <a:pt x="481413" y="150976"/>
                </a:lnTo>
                <a:lnTo>
                  <a:pt x="495656" y="119642"/>
                </a:lnTo>
                <a:lnTo>
                  <a:pt x="475716" y="0"/>
                </a:lnTo>
                <a:lnTo>
                  <a:pt x="0" y="6267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6" name="Freeform 55"/>
          <p:cNvSpPr/>
          <p:nvPr userDrawn="1"/>
        </p:nvSpPr>
        <p:spPr>
          <a:xfrm rot="171972">
            <a:off x="6106822" y="4812550"/>
            <a:ext cx="1379537" cy="1073150"/>
          </a:xfrm>
          <a:custGeom>
            <a:avLst/>
            <a:gdLst>
              <a:gd name="connsiteX0" fmla="*/ 0 w 1379716"/>
              <a:gd name="connsiteY0" fmla="*/ 183962 h 1074014"/>
              <a:gd name="connsiteX1" fmla="*/ 27054 w 1379716"/>
              <a:gd name="connsiteY1" fmla="*/ 302996 h 1074014"/>
              <a:gd name="connsiteX2" fmla="*/ 48696 w 1379716"/>
              <a:gd name="connsiteY2" fmla="*/ 294880 h 1074014"/>
              <a:gd name="connsiteX3" fmla="*/ 64928 w 1379716"/>
              <a:gd name="connsiteY3" fmla="*/ 278648 h 1074014"/>
              <a:gd name="connsiteX4" fmla="*/ 70339 w 1379716"/>
              <a:gd name="connsiteY4" fmla="*/ 246185 h 1074014"/>
              <a:gd name="connsiteX5" fmla="*/ 105508 w 1379716"/>
              <a:gd name="connsiteY5" fmla="*/ 246185 h 1074014"/>
              <a:gd name="connsiteX6" fmla="*/ 135267 w 1379716"/>
              <a:gd name="connsiteY6" fmla="*/ 265122 h 1074014"/>
              <a:gd name="connsiteX7" fmla="*/ 208310 w 1379716"/>
              <a:gd name="connsiteY7" fmla="*/ 238069 h 1074014"/>
              <a:gd name="connsiteX8" fmla="*/ 257006 w 1379716"/>
              <a:gd name="connsiteY8" fmla="*/ 257006 h 1074014"/>
              <a:gd name="connsiteX9" fmla="*/ 281354 w 1379716"/>
              <a:gd name="connsiteY9" fmla="*/ 257006 h 1074014"/>
              <a:gd name="connsiteX10" fmla="*/ 327345 w 1379716"/>
              <a:gd name="connsiteY10" fmla="*/ 243479 h 1074014"/>
              <a:gd name="connsiteX11" fmla="*/ 348987 w 1379716"/>
              <a:gd name="connsiteY11" fmla="*/ 267827 h 1074014"/>
              <a:gd name="connsiteX12" fmla="*/ 351693 w 1379716"/>
              <a:gd name="connsiteY12" fmla="*/ 292175 h 1074014"/>
              <a:gd name="connsiteX13" fmla="*/ 373335 w 1379716"/>
              <a:gd name="connsiteY13" fmla="*/ 297586 h 1074014"/>
              <a:gd name="connsiteX14" fmla="*/ 416621 w 1379716"/>
              <a:gd name="connsiteY14" fmla="*/ 338166 h 1074014"/>
              <a:gd name="connsiteX15" fmla="*/ 435558 w 1379716"/>
              <a:gd name="connsiteY15" fmla="*/ 319228 h 1074014"/>
              <a:gd name="connsiteX16" fmla="*/ 478843 w 1379716"/>
              <a:gd name="connsiteY16" fmla="*/ 321934 h 1074014"/>
              <a:gd name="connsiteX17" fmla="*/ 541065 w 1379716"/>
              <a:gd name="connsiteY17" fmla="*/ 278648 h 1074014"/>
              <a:gd name="connsiteX18" fmla="*/ 554592 w 1379716"/>
              <a:gd name="connsiteY18" fmla="*/ 246185 h 1074014"/>
              <a:gd name="connsiteX19" fmla="*/ 578940 w 1379716"/>
              <a:gd name="connsiteY19" fmla="*/ 227247 h 1074014"/>
              <a:gd name="connsiteX20" fmla="*/ 646573 w 1379716"/>
              <a:gd name="connsiteY20" fmla="*/ 238069 h 1074014"/>
              <a:gd name="connsiteX21" fmla="*/ 692564 w 1379716"/>
              <a:gd name="connsiteY21" fmla="*/ 265122 h 1074014"/>
              <a:gd name="connsiteX22" fmla="*/ 711501 w 1379716"/>
              <a:gd name="connsiteY22" fmla="*/ 324639 h 1074014"/>
              <a:gd name="connsiteX23" fmla="*/ 825125 w 1379716"/>
              <a:gd name="connsiteY23" fmla="*/ 376040 h 1074014"/>
              <a:gd name="connsiteX24" fmla="*/ 854883 w 1379716"/>
              <a:gd name="connsiteY24" fmla="*/ 435557 h 1074014"/>
              <a:gd name="connsiteX25" fmla="*/ 862999 w 1379716"/>
              <a:gd name="connsiteY25" fmla="*/ 568118 h 1074014"/>
              <a:gd name="connsiteX26" fmla="*/ 887347 w 1379716"/>
              <a:gd name="connsiteY26" fmla="*/ 611403 h 1074014"/>
              <a:gd name="connsiteX27" fmla="*/ 906284 w 1379716"/>
              <a:gd name="connsiteY27" fmla="*/ 592466 h 1074014"/>
              <a:gd name="connsiteX28" fmla="*/ 933338 w 1379716"/>
              <a:gd name="connsiteY28" fmla="*/ 624930 h 1074014"/>
              <a:gd name="connsiteX29" fmla="*/ 919811 w 1379716"/>
              <a:gd name="connsiteY29" fmla="*/ 662805 h 1074014"/>
              <a:gd name="connsiteX30" fmla="*/ 919811 w 1379716"/>
              <a:gd name="connsiteY30" fmla="*/ 684447 h 1074014"/>
              <a:gd name="connsiteX31" fmla="*/ 1009087 w 1379716"/>
              <a:gd name="connsiteY31" fmla="*/ 773723 h 1074014"/>
              <a:gd name="connsiteX32" fmla="*/ 1022613 w 1379716"/>
              <a:gd name="connsiteY32" fmla="*/ 754786 h 1074014"/>
              <a:gd name="connsiteX33" fmla="*/ 1030729 w 1379716"/>
              <a:gd name="connsiteY33" fmla="*/ 754786 h 1074014"/>
              <a:gd name="connsiteX34" fmla="*/ 1038845 w 1379716"/>
              <a:gd name="connsiteY34" fmla="*/ 787250 h 1074014"/>
              <a:gd name="connsiteX35" fmla="*/ 1068604 w 1379716"/>
              <a:gd name="connsiteY35" fmla="*/ 819714 h 1074014"/>
              <a:gd name="connsiteX36" fmla="*/ 1068604 w 1379716"/>
              <a:gd name="connsiteY36" fmla="*/ 844061 h 1074014"/>
              <a:gd name="connsiteX37" fmla="*/ 1106478 w 1379716"/>
              <a:gd name="connsiteY37" fmla="*/ 881936 h 1074014"/>
              <a:gd name="connsiteX38" fmla="*/ 1120005 w 1379716"/>
              <a:gd name="connsiteY38" fmla="*/ 922516 h 1074014"/>
              <a:gd name="connsiteX39" fmla="*/ 1152469 w 1379716"/>
              <a:gd name="connsiteY39" fmla="*/ 944158 h 1074014"/>
              <a:gd name="connsiteX40" fmla="*/ 1176817 w 1379716"/>
              <a:gd name="connsiteY40" fmla="*/ 941453 h 1074014"/>
              <a:gd name="connsiteX41" fmla="*/ 1211986 w 1379716"/>
              <a:gd name="connsiteY41" fmla="*/ 998265 h 1074014"/>
              <a:gd name="connsiteX42" fmla="*/ 1241745 w 1379716"/>
              <a:gd name="connsiteY42" fmla="*/ 1014497 h 1074014"/>
              <a:gd name="connsiteX43" fmla="*/ 1260682 w 1379716"/>
              <a:gd name="connsiteY43" fmla="*/ 1030729 h 1074014"/>
              <a:gd name="connsiteX44" fmla="*/ 1266093 w 1379716"/>
              <a:gd name="connsiteY44" fmla="*/ 1038845 h 1074014"/>
              <a:gd name="connsiteX45" fmla="*/ 1252566 w 1379716"/>
              <a:gd name="connsiteY45" fmla="*/ 1046961 h 1074014"/>
              <a:gd name="connsiteX46" fmla="*/ 1247155 w 1379716"/>
              <a:gd name="connsiteY46" fmla="*/ 1055077 h 1074014"/>
              <a:gd name="connsiteX47" fmla="*/ 1268798 w 1379716"/>
              <a:gd name="connsiteY47" fmla="*/ 1074014 h 1074014"/>
              <a:gd name="connsiteX48" fmla="*/ 1282325 w 1379716"/>
              <a:gd name="connsiteY48" fmla="*/ 1068603 h 1074014"/>
              <a:gd name="connsiteX49" fmla="*/ 1298557 w 1379716"/>
              <a:gd name="connsiteY49" fmla="*/ 1052371 h 1074014"/>
              <a:gd name="connsiteX50" fmla="*/ 1314789 w 1379716"/>
              <a:gd name="connsiteY50" fmla="*/ 1033434 h 1074014"/>
              <a:gd name="connsiteX51" fmla="*/ 1341842 w 1379716"/>
              <a:gd name="connsiteY51" fmla="*/ 1038845 h 1074014"/>
              <a:gd name="connsiteX52" fmla="*/ 1349958 w 1379716"/>
              <a:gd name="connsiteY52" fmla="*/ 1014497 h 1074014"/>
              <a:gd name="connsiteX53" fmla="*/ 1363484 w 1379716"/>
              <a:gd name="connsiteY53" fmla="*/ 979328 h 1074014"/>
              <a:gd name="connsiteX54" fmla="*/ 1355368 w 1379716"/>
              <a:gd name="connsiteY54" fmla="*/ 949569 h 1074014"/>
              <a:gd name="connsiteX55" fmla="*/ 1360779 w 1379716"/>
              <a:gd name="connsiteY55" fmla="*/ 925221 h 1074014"/>
              <a:gd name="connsiteX56" fmla="*/ 1368895 w 1379716"/>
              <a:gd name="connsiteY56" fmla="*/ 890052 h 1074014"/>
              <a:gd name="connsiteX57" fmla="*/ 1379716 w 1379716"/>
              <a:gd name="connsiteY57" fmla="*/ 830535 h 1074014"/>
              <a:gd name="connsiteX58" fmla="*/ 1377011 w 1379716"/>
              <a:gd name="connsiteY58" fmla="*/ 752080 h 1074014"/>
              <a:gd name="connsiteX59" fmla="*/ 1352663 w 1379716"/>
              <a:gd name="connsiteY59" fmla="*/ 673626 h 1074014"/>
              <a:gd name="connsiteX60" fmla="*/ 1325610 w 1379716"/>
              <a:gd name="connsiteY60" fmla="*/ 614109 h 1074014"/>
              <a:gd name="connsiteX61" fmla="*/ 1328315 w 1379716"/>
              <a:gd name="connsiteY61" fmla="*/ 603287 h 1074014"/>
              <a:gd name="connsiteX62" fmla="*/ 1306673 w 1379716"/>
              <a:gd name="connsiteY62" fmla="*/ 560002 h 1074014"/>
              <a:gd name="connsiteX63" fmla="*/ 1266093 w 1379716"/>
              <a:gd name="connsiteY63" fmla="*/ 508601 h 1074014"/>
              <a:gd name="connsiteX64" fmla="*/ 1195754 w 1379716"/>
              <a:gd name="connsiteY64" fmla="*/ 403093 h 1074014"/>
              <a:gd name="connsiteX65" fmla="*/ 1184933 w 1379716"/>
              <a:gd name="connsiteY65" fmla="*/ 378745 h 1074014"/>
              <a:gd name="connsiteX66" fmla="*/ 1203870 w 1379716"/>
              <a:gd name="connsiteY66" fmla="*/ 373335 h 1074014"/>
              <a:gd name="connsiteX67" fmla="*/ 1230923 w 1379716"/>
              <a:gd name="connsiteY67" fmla="*/ 392272 h 1074014"/>
              <a:gd name="connsiteX68" fmla="*/ 1257977 w 1379716"/>
              <a:gd name="connsiteY68" fmla="*/ 470727 h 1074014"/>
              <a:gd name="connsiteX69" fmla="*/ 1217397 w 1379716"/>
              <a:gd name="connsiteY69" fmla="*/ 362514 h 1074014"/>
              <a:gd name="connsiteX70" fmla="*/ 1138942 w 1379716"/>
              <a:gd name="connsiteY70" fmla="*/ 286764 h 1074014"/>
              <a:gd name="connsiteX71" fmla="*/ 1117300 w 1379716"/>
              <a:gd name="connsiteY71" fmla="*/ 224542 h 1074014"/>
              <a:gd name="connsiteX72" fmla="*/ 1076720 w 1379716"/>
              <a:gd name="connsiteY72" fmla="*/ 175846 h 1074014"/>
              <a:gd name="connsiteX73" fmla="*/ 1057783 w 1379716"/>
              <a:gd name="connsiteY73" fmla="*/ 129856 h 1074014"/>
              <a:gd name="connsiteX74" fmla="*/ 1028024 w 1379716"/>
              <a:gd name="connsiteY74" fmla="*/ 67633 h 1074014"/>
              <a:gd name="connsiteX75" fmla="*/ 1011792 w 1379716"/>
              <a:gd name="connsiteY75" fmla="*/ 81160 h 1074014"/>
              <a:gd name="connsiteX76" fmla="*/ 1017203 w 1379716"/>
              <a:gd name="connsiteY76" fmla="*/ 119034 h 1074014"/>
              <a:gd name="connsiteX77" fmla="*/ 1025319 w 1379716"/>
              <a:gd name="connsiteY77" fmla="*/ 148793 h 1074014"/>
              <a:gd name="connsiteX78" fmla="*/ 1025319 w 1379716"/>
              <a:gd name="connsiteY78" fmla="*/ 165025 h 1074014"/>
              <a:gd name="connsiteX79" fmla="*/ 995560 w 1379716"/>
              <a:gd name="connsiteY79" fmla="*/ 143382 h 1074014"/>
              <a:gd name="connsiteX80" fmla="*/ 990149 w 1379716"/>
              <a:gd name="connsiteY80" fmla="*/ 110918 h 1074014"/>
              <a:gd name="connsiteX81" fmla="*/ 987444 w 1379716"/>
              <a:gd name="connsiteY81" fmla="*/ 83865 h 1074014"/>
              <a:gd name="connsiteX82" fmla="*/ 1006381 w 1379716"/>
              <a:gd name="connsiteY82" fmla="*/ 54106 h 1074014"/>
              <a:gd name="connsiteX83" fmla="*/ 1025319 w 1379716"/>
              <a:gd name="connsiteY83" fmla="*/ 13527 h 1074014"/>
              <a:gd name="connsiteX84" fmla="*/ 968507 w 1379716"/>
              <a:gd name="connsiteY84" fmla="*/ 13527 h 1074014"/>
              <a:gd name="connsiteX85" fmla="*/ 941454 w 1379716"/>
              <a:gd name="connsiteY85" fmla="*/ 0 h 1074014"/>
              <a:gd name="connsiteX86" fmla="*/ 917106 w 1379716"/>
              <a:gd name="connsiteY86" fmla="*/ 18937 h 1074014"/>
              <a:gd name="connsiteX87" fmla="*/ 911695 w 1379716"/>
              <a:gd name="connsiteY87" fmla="*/ 97392 h 1074014"/>
              <a:gd name="connsiteX88" fmla="*/ 862999 w 1379716"/>
              <a:gd name="connsiteY88" fmla="*/ 81160 h 1074014"/>
              <a:gd name="connsiteX89" fmla="*/ 465316 w 1379716"/>
              <a:gd name="connsiteY89" fmla="*/ 119034 h 1074014"/>
              <a:gd name="connsiteX90" fmla="*/ 392273 w 1379716"/>
              <a:gd name="connsiteY90" fmla="*/ 91981 h 1074014"/>
              <a:gd name="connsiteX91" fmla="*/ 0 w 1379716"/>
              <a:gd name="connsiteY91" fmla="*/ 183962 h 1074014"/>
              <a:gd name="connsiteX0" fmla="*/ 0 w 1379716"/>
              <a:gd name="connsiteY0" fmla="*/ 184734 h 1074786"/>
              <a:gd name="connsiteX1" fmla="*/ 27054 w 1379716"/>
              <a:gd name="connsiteY1" fmla="*/ 303768 h 1074786"/>
              <a:gd name="connsiteX2" fmla="*/ 48696 w 1379716"/>
              <a:gd name="connsiteY2" fmla="*/ 295652 h 1074786"/>
              <a:gd name="connsiteX3" fmla="*/ 64928 w 1379716"/>
              <a:gd name="connsiteY3" fmla="*/ 279420 h 1074786"/>
              <a:gd name="connsiteX4" fmla="*/ 70339 w 1379716"/>
              <a:gd name="connsiteY4" fmla="*/ 246957 h 1074786"/>
              <a:gd name="connsiteX5" fmla="*/ 105508 w 1379716"/>
              <a:gd name="connsiteY5" fmla="*/ 246957 h 1074786"/>
              <a:gd name="connsiteX6" fmla="*/ 135267 w 1379716"/>
              <a:gd name="connsiteY6" fmla="*/ 265894 h 1074786"/>
              <a:gd name="connsiteX7" fmla="*/ 208310 w 1379716"/>
              <a:gd name="connsiteY7" fmla="*/ 238841 h 1074786"/>
              <a:gd name="connsiteX8" fmla="*/ 257006 w 1379716"/>
              <a:gd name="connsiteY8" fmla="*/ 257778 h 1074786"/>
              <a:gd name="connsiteX9" fmla="*/ 281354 w 1379716"/>
              <a:gd name="connsiteY9" fmla="*/ 257778 h 1074786"/>
              <a:gd name="connsiteX10" fmla="*/ 327345 w 1379716"/>
              <a:gd name="connsiteY10" fmla="*/ 244251 h 1074786"/>
              <a:gd name="connsiteX11" fmla="*/ 348987 w 1379716"/>
              <a:gd name="connsiteY11" fmla="*/ 268599 h 1074786"/>
              <a:gd name="connsiteX12" fmla="*/ 351693 w 1379716"/>
              <a:gd name="connsiteY12" fmla="*/ 292947 h 1074786"/>
              <a:gd name="connsiteX13" fmla="*/ 373335 w 1379716"/>
              <a:gd name="connsiteY13" fmla="*/ 298358 h 1074786"/>
              <a:gd name="connsiteX14" fmla="*/ 416621 w 1379716"/>
              <a:gd name="connsiteY14" fmla="*/ 338938 h 1074786"/>
              <a:gd name="connsiteX15" fmla="*/ 435558 w 1379716"/>
              <a:gd name="connsiteY15" fmla="*/ 320000 h 1074786"/>
              <a:gd name="connsiteX16" fmla="*/ 478843 w 1379716"/>
              <a:gd name="connsiteY16" fmla="*/ 322706 h 1074786"/>
              <a:gd name="connsiteX17" fmla="*/ 541065 w 1379716"/>
              <a:gd name="connsiteY17" fmla="*/ 279420 h 1074786"/>
              <a:gd name="connsiteX18" fmla="*/ 554592 w 1379716"/>
              <a:gd name="connsiteY18" fmla="*/ 246957 h 1074786"/>
              <a:gd name="connsiteX19" fmla="*/ 578940 w 1379716"/>
              <a:gd name="connsiteY19" fmla="*/ 228019 h 1074786"/>
              <a:gd name="connsiteX20" fmla="*/ 646573 w 1379716"/>
              <a:gd name="connsiteY20" fmla="*/ 238841 h 1074786"/>
              <a:gd name="connsiteX21" fmla="*/ 692564 w 1379716"/>
              <a:gd name="connsiteY21" fmla="*/ 265894 h 1074786"/>
              <a:gd name="connsiteX22" fmla="*/ 711501 w 1379716"/>
              <a:gd name="connsiteY22" fmla="*/ 325411 h 1074786"/>
              <a:gd name="connsiteX23" fmla="*/ 825125 w 1379716"/>
              <a:gd name="connsiteY23" fmla="*/ 376812 h 1074786"/>
              <a:gd name="connsiteX24" fmla="*/ 854883 w 1379716"/>
              <a:gd name="connsiteY24" fmla="*/ 436329 h 1074786"/>
              <a:gd name="connsiteX25" fmla="*/ 862999 w 1379716"/>
              <a:gd name="connsiteY25" fmla="*/ 568890 h 1074786"/>
              <a:gd name="connsiteX26" fmla="*/ 887347 w 1379716"/>
              <a:gd name="connsiteY26" fmla="*/ 612175 h 1074786"/>
              <a:gd name="connsiteX27" fmla="*/ 906284 w 1379716"/>
              <a:gd name="connsiteY27" fmla="*/ 593238 h 1074786"/>
              <a:gd name="connsiteX28" fmla="*/ 933338 w 1379716"/>
              <a:gd name="connsiteY28" fmla="*/ 625702 h 1074786"/>
              <a:gd name="connsiteX29" fmla="*/ 919811 w 1379716"/>
              <a:gd name="connsiteY29" fmla="*/ 663577 h 1074786"/>
              <a:gd name="connsiteX30" fmla="*/ 919811 w 1379716"/>
              <a:gd name="connsiteY30" fmla="*/ 685219 h 1074786"/>
              <a:gd name="connsiteX31" fmla="*/ 1009087 w 1379716"/>
              <a:gd name="connsiteY31" fmla="*/ 774495 h 1074786"/>
              <a:gd name="connsiteX32" fmla="*/ 1022613 w 1379716"/>
              <a:gd name="connsiteY32" fmla="*/ 755558 h 1074786"/>
              <a:gd name="connsiteX33" fmla="*/ 1030729 w 1379716"/>
              <a:gd name="connsiteY33" fmla="*/ 755558 h 1074786"/>
              <a:gd name="connsiteX34" fmla="*/ 1038845 w 1379716"/>
              <a:gd name="connsiteY34" fmla="*/ 788022 h 1074786"/>
              <a:gd name="connsiteX35" fmla="*/ 1068604 w 1379716"/>
              <a:gd name="connsiteY35" fmla="*/ 820486 h 1074786"/>
              <a:gd name="connsiteX36" fmla="*/ 1068604 w 1379716"/>
              <a:gd name="connsiteY36" fmla="*/ 844833 h 1074786"/>
              <a:gd name="connsiteX37" fmla="*/ 1106478 w 1379716"/>
              <a:gd name="connsiteY37" fmla="*/ 882708 h 1074786"/>
              <a:gd name="connsiteX38" fmla="*/ 1120005 w 1379716"/>
              <a:gd name="connsiteY38" fmla="*/ 923288 h 1074786"/>
              <a:gd name="connsiteX39" fmla="*/ 1152469 w 1379716"/>
              <a:gd name="connsiteY39" fmla="*/ 944930 h 1074786"/>
              <a:gd name="connsiteX40" fmla="*/ 1176817 w 1379716"/>
              <a:gd name="connsiteY40" fmla="*/ 942225 h 1074786"/>
              <a:gd name="connsiteX41" fmla="*/ 1211986 w 1379716"/>
              <a:gd name="connsiteY41" fmla="*/ 999037 h 1074786"/>
              <a:gd name="connsiteX42" fmla="*/ 1241745 w 1379716"/>
              <a:gd name="connsiteY42" fmla="*/ 1015269 h 1074786"/>
              <a:gd name="connsiteX43" fmla="*/ 1260682 w 1379716"/>
              <a:gd name="connsiteY43" fmla="*/ 1031501 h 1074786"/>
              <a:gd name="connsiteX44" fmla="*/ 1266093 w 1379716"/>
              <a:gd name="connsiteY44" fmla="*/ 1039617 h 1074786"/>
              <a:gd name="connsiteX45" fmla="*/ 1252566 w 1379716"/>
              <a:gd name="connsiteY45" fmla="*/ 1047733 h 1074786"/>
              <a:gd name="connsiteX46" fmla="*/ 1247155 w 1379716"/>
              <a:gd name="connsiteY46" fmla="*/ 1055849 h 1074786"/>
              <a:gd name="connsiteX47" fmla="*/ 1268798 w 1379716"/>
              <a:gd name="connsiteY47" fmla="*/ 1074786 h 1074786"/>
              <a:gd name="connsiteX48" fmla="*/ 1282325 w 1379716"/>
              <a:gd name="connsiteY48" fmla="*/ 1069375 h 1074786"/>
              <a:gd name="connsiteX49" fmla="*/ 1298557 w 1379716"/>
              <a:gd name="connsiteY49" fmla="*/ 1053143 h 1074786"/>
              <a:gd name="connsiteX50" fmla="*/ 1314789 w 1379716"/>
              <a:gd name="connsiteY50" fmla="*/ 1034206 h 1074786"/>
              <a:gd name="connsiteX51" fmla="*/ 1341842 w 1379716"/>
              <a:gd name="connsiteY51" fmla="*/ 1039617 h 1074786"/>
              <a:gd name="connsiteX52" fmla="*/ 1349958 w 1379716"/>
              <a:gd name="connsiteY52" fmla="*/ 1015269 h 1074786"/>
              <a:gd name="connsiteX53" fmla="*/ 1363484 w 1379716"/>
              <a:gd name="connsiteY53" fmla="*/ 980100 h 1074786"/>
              <a:gd name="connsiteX54" fmla="*/ 1355368 w 1379716"/>
              <a:gd name="connsiteY54" fmla="*/ 950341 h 1074786"/>
              <a:gd name="connsiteX55" fmla="*/ 1360779 w 1379716"/>
              <a:gd name="connsiteY55" fmla="*/ 925993 h 1074786"/>
              <a:gd name="connsiteX56" fmla="*/ 1368895 w 1379716"/>
              <a:gd name="connsiteY56" fmla="*/ 890824 h 1074786"/>
              <a:gd name="connsiteX57" fmla="*/ 1379716 w 1379716"/>
              <a:gd name="connsiteY57" fmla="*/ 831307 h 1074786"/>
              <a:gd name="connsiteX58" fmla="*/ 1377011 w 1379716"/>
              <a:gd name="connsiteY58" fmla="*/ 752852 h 1074786"/>
              <a:gd name="connsiteX59" fmla="*/ 1352663 w 1379716"/>
              <a:gd name="connsiteY59" fmla="*/ 674398 h 1074786"/>
              <a:gd name="connsiteX60" fmla="*/ 1325610 w 1379716"/>
              <a:gd name="connsiteY60" fmla="*/ 614881 h 1074786"/>
              <a:gd name="connsiteX61" fmla="*/ 1328315 w 1379716"/>
              <a:gd name="connsiteY61" fmla="*/ 604059 h 1074786"/>
              <a:gd name="connsiteX62" fmla="*/ 1306673 w 1379716"/>
              <a:gd name="connsiteY62" fmla="*/ 560774 h 1074786"/>
              <a:gd name="connsiteX63" fmla="*/ 1266093 w 1379716"/>
              <a:gd name="connsiteY63" fmla="*/ 509373 h 1074786"/>
              <a:gd name="connsiteX64" fmla="*/ 1195754 w 1379716"/>
              <a:gd name="connsiteY64" fmla="*/ 403865 h 1074786"/>
              <a:gd name="connsiteX65" fmla="*/ 1184933 w 1379716"/>
              <a:gd name="connsiteY65" fmla="*/ 379517 h 1074786"/>
              <a:gd name="connsiteX66" fmla="*/ 1203870 w 1379716"/>
              <a:gd name="connsiteY66" fmla="*/ 374107 h 1074786"/>
              <a:gd name="connsiteX67" fmla="*/ 1230923 w 1379716"/>
              <a:gd name="connsiteY67" fmla="*/ 393044 h 1074786"/>
              <a:gd name="connsiteX68" fmla="*/ 1257977 w 1379716"/>
              <a:gd name="connsiteY68" fmla="*/ 471499 h 1074786"/>
              <a:gd name="connsiteX69" fmla="*/ 1217397 w 1379716"/>
              <a:gd name="connsiteY69" fmla="*/ 363286 h 1074786"/>
              <a:gd name="connsiteX70" fmla="*/ 1138942 w 1379716"/>
              <a:gd name="connsiteY70" fmla="*/ 287536 h 1074786"/>
              <a:gd name="connsiteX71" fmla="*/ 1117300 w 1379716"/>
              <a:gd name="connsiteY71" fmla="*/ 225314 h 1074786"/>
              <a:gd name="connsiteX72" fmla="*/ 1076720 w 1379716"/>
              <a:gd name="connsiteY72" fmla="*/ 176618 h 1074786"/>
              <a:gd name="connsiteX73" fmla="*/ 1057783 w 1379716"/>
              <a:gd name="connsiteY73" fmla="*/ 130628 h 1074786"/>
              <a:gd name="connsiteX74" fmla="*/ 1028024 w 1379716"/>
              <a:gd name="connsiteY74" fmla="*/ 68405 h 1074786"/>
              <a:gd name="connsiteX75" fmla="*/ 1011792 w 1379716"/>
              <a:gd name="connsiteY75" fmla="*/ 81932 h 1074786"/>
              <a:gd name="connsiteX76" fmla="*/ 1017203 w 1379716"/>
              <a:gd name="connsiteY76" fmla="*/ 119806 h 1074786"/>
              <a:gd name="connsiteX77" fmla="*/ 1025319 w 1379716"/>
              <a:gd name="connsiteY77" fmla="*/ 149565 h 1074786"/>
              <a:gd name="connsiteX78" fmla="*/ 1025319 w 1379716"/>
              <a:gd name="connsiteY78" fmla="*/ 165797 h 1074786"/>
              <a:gd name="connsiteX79" fmla="*/ 995560 w 1379716"/>
              <a:gd name="connsiteY79" fmla="*/ 144154 h 1074786"/>
              <a:gd name="connsiteX80" fmla="*/ 990149 w 1379716"/>
              <a:gd name="connsiteY80" fmla="*/ 111690 h 1074786"/>
              <a:gd name="connsiteX81" fmla="*/ 987444 w 1379716"/>
              <a:gd name="connsiteY81" fmla="*/ 84637 h 1074786"/>
              <a:gd name="connsiteX82" fmla="*/ 1006381 w 1379716"/>
              <a:gd name="connsiteY82" fmla="*/ 54878 h 1074786"/>
              <a:gd name="connsiteX83" fmla="*/ 1022938 w 1379716"/>
              <a:gd name="connsiteY83" fmla="*/ 0 h 1074786"/>
              <a:gd name="connsiteX84" fmla="*/ 968507 w 1379716"/>
              <a:gd name="connsiteY84" fmla="*/ 14299 h 1074786"/>
              <a:gd name="connsiteX85" fmla="*/ 941454 w 1379716"/>
              <a:gd name="connsiteY85" fmla="*/ 772 h 1074786"/>
              <a:gd name="connsiteX86" fmla="*/ 917106 w 1379716"/>
              <a:gd name="connsiteY86" fmla="*/ 19709 h 1074786"/>
              <a:gd name="connsiteX87" fmla="*/ 911695 w 1379716"/>
              <a:gd name="connsiteY87" fmla="*/ 98164 h 1074786"/>
              <a:gd name="connsiteX88" fmla="*/ 862999 w 1379716"/>
              <a:gd name="connsiteY88" fmla="*/ 81932 h 1074786"/>
              <a:gd name="connsiteX89" fmla="*/ 465316 w 1379716"/>
              <a:gd name="connsiteY89" fmla="*/ 119806 h 1074786"/>
              <a:gd name="connsiteX90" fmla="*/ 392273 w 1379716"/>
              <a:gd name="connsiteY90" fmla="*/ 92753 h 1074786"/>
              <a:gd name="connsiteX91" fmla="*/ 0 w 1379716"/>
              <a:gd name="connsiteY91" fmla="*/ 184734 h 10747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</a:cxnLst>
            <a:rect l="l" t="t" r="r" b="b"/>
            <a:pathLst>
              <a:path w="1379716" h="1074786">
                <a:moveTo>
                  <a:pt x="0" y="184734"/>
                </a:moveTo>
                <a:lnTo>
                  <a:pt x="27054" y="303768"/>
                </a:lnTo>
                <a:lnTo>
                  <a:pt x="48696" y="295652"/>
                </a:lnTo>
                <a:lnTo>
                  <a:pt x="64928" y="279420"/>
                </a:lnTo>
                <a:lnTo>
                  <a:pt x="70339" y="246957"/>
                </a:lnTo>
                <a:lnTo>
                  <a:pt x="105508" y="246957"/>
                </a:lnTo>
                <a:lnTo>
                  <a:pt x="135267" y="265894"/>
                </a:lnTo>
                <a:lnTo>
                  <a:pt x="208310" y="238841"/>
                </a:lnTo>
                <a:lnTo>
                  <a:pt x="257006" y="257778"/>
                </a:lnTo>
                <a:lnTo>
                  <a:pt x="281354" y="257778"/>
                </a:lnTo>
                <a:lnTo>
                  <a:pt x="327345" y="244251"/>
                </a:lnTo>
                <a:lnTo>
                  <a:pt x="348987" y="268599"/>
                </a:lnTo>
                <a:lnTo>
                  <a:pt x="351693" y="292947"/>
                </a:lnTo>
                <a:lnTo>
                  <a:pt x="373335" y="298358"/>
                </a:lnTo>
                <a:lnTo>
                  <a:pt x="416621" y="338938"/>
                </a:lnTo>
                <a:lnTo>
                  <a:pt x="435558" y="320000"/>
                </a:lnTo>
                <a:lnTo>
                  <a:pt x="478843" y="322706"/>
                </a:lnTo>
                <a:lnTo>
                  <a:pt x="541065" y="279420"/>
                </a:lnTo>
                <a:lnTo>
                  <a:pt x="554592" y="246957"/>
                </a:lnTo>
                <a:lnTo>
                  <a:pt x="578940" y="228019"/>
                </a:lnTo>
                <a:lnTo>
                  <a:pt x="646573" y="238841"/>
                </a:lnTo>
                <a:lnTo>
                  <a:pt x="692564" y="265894"/>
                </a:lnTo>
                <a:lnTo>
                  <a:pt x="711501" y="325411"/>
                </a:lnTo>
                <a:lnTo>
                  <a:pt x="825125" y="376812"/>
                </a:lnTo>
                <a:lnTo>
                  <a:pt x="854883" y="436329"/>
                </a:lnTo>
                <a:lnTo>
                  <a:pt x="862999" y="568890"/>
                </a:lnTo>
                <a:lnTo>
                  <a:pt x="887347" y="612175"/>
                </a:lnTo>
                <a:lnTo>
                  <a:pt x="906284" y="593238"/>
                </a:lnTo>
                <a:lnTo>
                  <a:pt x="933338" y="625702"/>
                </a:lnTo>
                <a:lnTo>
                  <a:pt x="919811" y="663577"/>
                </a:lnTo>
                <a:lnTo>
                  <a:pt x="919811" y="685219"/>
                </a:lnTo>
                <a:lnTo>
                  <a:pt x="1009087" y="774495"/>
                </a:lnTo>
                <a:lnTo>
                  <a:pt x="1022613" y="755558"/>
                </a:lnTo>
                <a:lnTo>
                  <a:pt x="1030729" y="755558"/>
                </a:lnTo>
                <a:lnTo>
                  <a:pt x="1038845" y="788022"/>
                </a:lnTo>
                <a:lnTo>
                  <a:pt x="1068604" y="820486"/>
                </a:lnTo>
                <a:lnTo>
                  <a:pt x="1068604" y="844833"/>
                </a:lnTo>
                <a:lnTo>
                  <a:pt x="1106478" y="882708"/>
                </a:lnTo>
                <a:lnTo>
                  <a:pt x="1120005" y="923288"/>
                </a:lnTo>
                <a:lnTo>
                  <a:pt x="1152469" y="944930"/>
                </a:lnTo>
                <a:lnTo>
                  <a:pt x="1176817" y="942225"/>
                </a:lnTo>
                <a:lnTo>
                  <a:pt x="1211986" y="999037"/>
                </a:lnTo>
                <a:lnTo>
                  <a:pt x="1241745" y="1015269"/>
                </a:lnTo>
                <a:lnTo>
                  <a:pt x="1260682" y="1031501"/>
                </a:lnTo>
                <a:lnTo>
                  <a:pt x="1266093" y="1039617"/>
                </a:lnTo>
                <a:lnTo>
                  <a:pt x="1252566" y="1047733"/>
                </a:lnTo>
                <a:lnTo>
                  <a:pt x="1247155" y="1055849"/>
                </a:lnTo>
                <a:lnTo>
                  <a:pt x="1268798" y="1074786"/>
                </a:lnTo>
                <a:lnTo>
                  <a:pt x="1282325" y="1069375"/>
                </a:lnTo>
                <a:lnTo>
                  <a:pt x="1298557" y="1053143"/>
                </a:lnTo>
                <a:lnTo>
                  <a:pt x="1314789" y="1034206"/>
                </a:lnTo>
                <a:lnTo>
                  <a:pt x="1341842" y="1039617"/>
                </a:lnTo>
                <a:lnTo>
                  <a:pt x="1349958" y="1015269"/>
                </a:lnTo>
                <a:lnTo>
                  <a:pt x="1363484" y="980100"/>
                </a:lnTo>
                <a:lnTo>
                  <a:pt x="1355368" y="950341"/>
                </a:lnTo>
                <a:lnTo>
                  <a:pt x="1360779" y="925993"/>
                </a:lnTo>
                <a:lnTo>
                  <a:pt x="1368895" y="890824"/>
                </a:lnTo>
                <a:lnTo>
                  <a:pt x="1379716" y="831307"/>
                </a:lnTo>
                <a:cubicBezTo>
                  <a:pt x="1378814" y="805155"/>
                  <a:pt x="1377913" y="779004"/>
                  <a:pt x="1377011" y="752852"/>
                </a:cubicBezTo>
                <a:lnTo>
                  <a:pt x="1352663" y="674398"/>
                </a:lnTo>
                <a:lnTo>
                  <a:pt x="1325610" y="614881"/>
                </a:lnTo>
                <a:lnTo>
                  <a:pt x="1328315" y="604059"/>
                </a:lnTo>
                <a:lnTo>
                  <a:pt x="1306673" y="560774"/>
                </a:lnTo>
                <a:lnTo>
                  <a:pt x="1266093" y="509373"/>
                </a:lnTo>
                <a:lnTo>
                  <a:pt x="1195754" y="403865"/>
                </a:lnTo>
                <a:lnTo>
                  <a:pt x="1184933" y="379517"/>
                </a:lnTo>
                <a:lnTo>
                  <a:pt x="1203870" y="374107"/>
                </a:lnTo>
                <a:lnTo>
                  <a:pt x="1230923" y="393044"/>
                </a:lnTo>
                <a:lnTo>
                  <a:pt x="1257977" y="471499"/>
                </a:lnTo>
                <a:lnTo>
                  <a:pt x="1217397" y="363286"/>
                </a:lnTo>
                <a:lnTo>
                  <a:pt x="1138942" y="287536"/>
                </a:lnTo>
                <a:lnTo>
                  <a:pt x="1117300" y="225314"/>
                </a:lnTo>
                <a:lnTo>
                  <a:pt x="1076720" y="176618"/>
                </a:lnTo>
                <a:lnTo>
                  <a:pt x="1057783" y="130628"/>
                </a:lnTo>
                <a:lnTo>
                  <a:pt x="1028024" y="68405"/>
                </a:lnTo>
                <a:lnTo>
                  <a:pt x="1011792" y="81932"/>
                </a:lnTo>
                <a:lnTo>
                  <a:pt x="1017203" y="119806"/>
                </a:lnTo>
                <a:lnTo>
                  <a:pt x="1025319" y="149565"/>
                </a:lnTo>
                <a:lnTo>
                  <a:pt x="1025319" y="165797"/>
                </a:lnTo>
                <a:lnTo>
                  <a:pt x="995560" y="144154"/>
                </a:lnTo>
                <a:lnTo>
                  <a:pt x="990149" y="111690"/>
                </a:lnTo>
                <a:lnTo>
                  <a:pt x="987444" y="84637"/>
                </a:lnTo>
                <a:lnTo>
                  <a:pt x="1006381" y="54878"/>
                </a:lnTo>
                <a:lnTo>
                  <a:pt x="1022938" y="0"/>
                </a:lnTo>
                <a:lnTo>
                  <a:pt x="968507" y="14299"/>
                </a:lnTo>
                <a:lnTo>
                  <a:pt x="941454" y="772"/>
                </a:lnTo>
                <a:lnTo>
                  <a:pt x="917106" y="19709"/>
                </a:lnTo>
                <a:lnTo>
                  <a:pt x="911695" y="98164"/>
                </a:lnTo>
                <a:lnTo>
                  <a:pt x="862999" y="81932"/>
                </a:lnTo>
                <a:lnTo>
                  <a:pt x="465316" y="119806"/>
                </a:lnTo>
                <a:lnTo>
                  <a:pt x="392273" y="92753"/>
                </a:lnTo>
                <a:lnTo>
                  <a:pt x="0" y="184734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7" name="Freeform 56"/>
          <p:cNvSpPr/>
          <p:nvPr userDrawn="1"/>
        </p:nvSpPr>
        <p:spPr>
          <a:xfrm rot="171972">
            <a:off x="6573501" y="3424374"/>
            <a:ext cx="1322387" cy="698500"/>
          </a:xfrm>
          <a:custGeom>
            <a:avLst/>
            <a:gdLst>
              <a:gd name="connsiteX0" fmla="*/ 360608 w 1311069"/>
              <a:gd name="connsiteY0" fmla="*/ 293638 h 698035"/>
              <a:gd name="connsiteX1" fmla="*/ 360608 w 1311069"/>
              <a:gd name="connsiteY1" fmla="*/ 355457 h 698035"/>
              <a:gd name="connsiteX2" fmla="*/ 324547 w 1311069"/>
              <a:gd name="connsiteY2" fmla="*/ 381215 h 698035"/>
              <a:gd name="connsiteX3" fmla="*/ 285911 w 1311069"/>
              <a:gd name="connsiteY3" fmla="*/ 381215 h 698035"/>
              <a:gd name="connsiteX4" fmla="*/ 257577 w 1311069"/>
              <a:gd name="connsiteY4" fmla="*/ 435306 h 698035"/>
              <a:gd name="connsiteX5" fmla="*/ 198334 w 1311069"/>
              <a:gd name="connsiteY5" fmla="*/ 435306 h 698035"/>
              <a:gd name="connsiteX6" fmla="*/ 182880 w 1311069"/>
              <a:gd name="connsiteY6" fmla="*/ 489397 h 698035"/>
              <a:gd name="connsiteX7" fmla="*/ 154546 w 1311069"/>
              <a:gd name="connsiteY7" fmla="*/ 515155 h 698035"/>
              <a:gd name="connsiteX8" fmla="*/ 103031 w 1311069"/>
              <a:gd name="connsiteY8" fmla="*/ 543489 h 698035"/>
              <a:gd name="connsiteX9" fmla="*/ 43788 w 1311069"/>
              <a:gd name="connsiteY9" fmla="*/ 592428 h 698035"/>
              <a:gd name="connsiteX10" fmla="*/ 30909 w 1311069"/>
              <a:gd name="connsiteY10" fmla="*/ 638792 h 698035"/>
              <a:gd name="connsiteX11" fmla="*/ 0 w 1311069"/>
              <a:gd name="connsiteY11" fmla="*/ 664550 h 698035"/>
              <a:gd name="connsiteX12" fmla="*/ 15454 w 1311069"/>
              <a:gd name="connsiteY12" fmla="*/ 698035 h 698035"/>
              <a:gd name="connsiteX13" fmla="*/ 185455 w 1311069"/>
              <a:gd name="connsiteY13" fmla="*/ 664550 h 698035"/>
              <a:gd name="connsiteX14" fmla="*/ 370911 w 1311069"/>
              <a:gd name="connsiteY14" fmla="*/ 569246 h 698035"/>
              <a:gd name="connsiteX15" fmla="*/ 504852 w 1311069"/>
              <a:gd name="connsiteY15" fmla="*/ 558943 h 698035"/>
              <a:gd name="connsiteX16" fmla="*/ 589852 w 1311069"/>
              <a:gd name="connsiteY16" fmla="*/ 600156 h 698035"/>
              <a:gd name="connsiteX17" fmla="*/ 749550 w 1311069"/>
              <a:gd name="connsiteY17" fmla="*/ 546064 h 698035"/>
              <a:gd name="connsiteX18" fmla="*/ 945309 w 1311069"/>
              <a:gd name="connsiteY18" fmla="*/ 677429 h 698035"/>
              <a:gd name="connsiteX19" fmla="*/ 976218 w 1311069"/>
              <a:gd name="connsiteY19" fmla="*/ 651671 h 698035"/>
              <a:gd name="connsiteX20" fmla="*/ 1009703 w 1311069"/>
              <a:gd name="connsiteY20" fmla="*/ 631065 h 698035"/>
              <a:gd name="connsiteX21" fmla="*/ 1050916 w 1311069"/>
              <a:gd name="connsiteY21" fmla="*/ 582125 h 698035"/>
              <a:gd name="connsiteX22" fmla="*/ 1071522 w 1311069"/>
              <a:gd name="connsiteY22" fmla="*/ 530610 h 698035"/>
              <a:gd name="connsiteX23" fmla="*/ 1115310 w 1311069"/>
              <a:gd name="connsiteY23" fmla="*/ 463640 h 698035"/>
              <a:gd name="connsiteX24" fmla="*/ 1151371 w 1311069"/>
              <a:gd name="connsiteY24" fmla="*/ 422427 h 698035"/>
              <a:gd name="connsiteX25" fmla="*/ 1190008 w 1311069"/>
              <a:gd name="connsiteY25" fmla="*/ 412124 h 698035"/>
              <a:gd name="connsiteX26" fmla="*/ 1231220 w 1311069"/>
              <a:gd name="connsiteY26" fmla="*/ 381215 h 698035"/>
              <a:gd name="connsiteX27" fmla="*/ 1238947 w 1311069"/>
              <a:gd name="connsiteY27" fmla="*/ 340002 h 698035"/>
              <a:gd name="connsiteX28" fmla="*/ 1223493 w 1311069"/>
              <a:gd name="connsiteY28" fmla="*/ 337427 h 698035"/>
              <a:gd name="connsiteX29" fmla="*/ 1197735 w 1311069"/>
              <a:gd name="connsiteY29" fmla="*/ 352881 h 698035"/>
              <a:gd name="connsiteX30" fmla="*/ 1184856 w 1311069"/>
              <a:gd name="connsiteY30" fmla="*/ 370912 h 698035"/>
              <a:gd name="connsiteX31" fmla="*/ 1159098 w 1311069"/>
              <a:gd name="connsiteY31" fmla="*/ 378639 h 698035"/>
              <a:gd name="connsiteX32" fmla="*/ 1138492 w 1311069"/>
              <a:gd name="connsiteY32" fmla="*/ 370912 h 698035"/>
              <a:gd name="connsiteX33" fmla="*/ 1133341 w 1311069"/>
              <a:gd name="connsiteY33" fmla="*/ 358033 h 698035"/>
              <a:gd name="connsiteX34" fmla="*/ 1146219 w 1311069"/>
              <a:gd name="connsiteY34" fmla="*/ 350305 h 698035"/>
              <a:gd name="connsiteX35" fmla="*/ 1164250 w 1311069"/>
              <a:gd name="connsiteY35" fmla="*/ 352881 h 698035"/>
              <a:gd name="connsiteX36" fmla="*/ 1177129 w 1311069"/>
              <a:gd name="connsiteY36" fmla="*/ 352881 h 698035"/>
              <a:gd name="connsiteX37" fmla="*/ 1184856 w 1311069"/>
              <a:gd name="connsiteY37" fmla="*/ 332275 h 698035"/>
              <a:gd name="connsiteX38" fmla="*/ 1187432 w 1311069"/>
              <a:gd name="connsiteY38" fmla="*/ 306517 h 698035"/>
              <a:gd name="connsiteX39" fmla="*/ 1169401 w 1311069"/>
              <a:gd name="connsiteY39" fmla="*/ 303941 h 698035"/>
              <a:gd name="connsiteX40" fmla="*/ 1138492 w 1311069"/>
              <a:gd name="connsiteY40" fmla="*/ 301366 h 698035"/>
              <a:gd name="connsiteX41" fmla="*/ 1123037 w 1311069"/>
              <a:gd name="connsiteY41" fmla="*/ 293638 h 698035"/>
              <a:gd name="connsiteX42" fmla="*/ 1135916 w 1311069"/>
              <a:gd name="connsiteY42" fmla="*/ 273032 h 698035"/>
              <a:gd name="connsiteX43" fmla="*/ 1156523 w 1311069"/>
              <a:gd name="connsiteY43" fmla="*/ 273032 h 698035"/>
              <a:gd name="connsiteX44" fmla="*/ 1171977 w 1311069"/>
              <a:gd name="connsiteY44" fmla="*/ 260153 h 698035"/>
              <a:gd name="connsiteX45" fmla="*/ 1195159 w 1311069"/>
              <a:gd name="connsiteY45" fmla="*/ 244699 h 698035"/>
              <a:gd name="connsiteX46" fmla="*/ 1220917 w 1311069"/>
              <a:gd name="connsiteY46" fmla="*/ 262729 h 698035"/>
              <a:gd name="connsiteX47" fmla="*/ 1251826 w 1311069"/>
              <a:gd name="connsiteY47" fmla="*/ 252426 h 698035"/>
              <a:gd name="connsiteX48" fmla="*/ 1269857 w 1311069"/>
              <a:gd name="connsiteY48" fmla="*/ 226668 h 698035"/>
              <a:gd name="connsiteX49" fmla="*/ 1293039 w 1311069"/>
              <a:gd name="connsiteY49" fmla="*/ 190607 h 698035"/>
              <a:gd name="connsiteX50" fmla="*/ 1280160 w 1311069"/>
              <a:gd name="connsiteY50" fmla="*/ 136516 h 698035"/>
              <a:gd name="connsiteX51" fmla="*/ 1256978 w 1311069"/>
              <a:gd name="connsiteY51" fmla="*/ 123637 h 698035"/>
              <a:gd name="connsiteX52" fmla="*/ 1246675 w 1311069"/>
              <a:gd name="connsiteY52" fmla="*/ 149395 h 698035"/>
              <a:gd name="connsiteX53" fmla="*/ 1241523 w 1311069"/>
              <a:gd name="connsiteY53" fmla="*/ 167425 h 698035"/>
              <a:gd name="connsiteX54" fmla="*/ 1200311 w 1311069"/>
              <a:gd name="connsiteY54" fmla="*/ 154547 h 698035"/>
              <a:gd name="connsiteX55" fmla="*/ 1161674 w 1311069"/>
              <a:gd name="connsiteY55" fmla="*/ 162274 h 698035"/>
              <a:gd name="connsiteX56" fmla="*/ 1138492 w 1311069"/>
              <a:gd name="connsiteY56" fmla="*/ 177729 h 698035"/>
              <a:gd name="connsiteX57" fmla="*/ 1128189 w 1311069"/>
              <a:gd name="connsiteY57" fmla="*/ 151971 h 698035"/>
              <a:gd name="connsiteX58" fmla="*/ 1110159 w 1311069"/>
              <a:gd name="connsiteY58" fmla="*/ 123637 h 698035"/>
              <a:gd name="connsiteX59" fmla="*/ 1130765 w 1311069"/>
              <a:gd name="connsiteY59" fmla="*/ 110758 h 698035"/>
              <a:gd name="connsiteX60" fmla="*/ 1159098 w 1311069"/>
              <a:gd name="connsiteY60" fmla="*/ 131365 h 698035"/>
              <a:gd name="connsiteX61" fmla="*/ 1179704 w 1311069"/>
              <a:gd name="connsiteY61" fmla="*/ 121061 h 698035"/>
              <a:gd name="connsiteX62" fmla="*/ 1195159 w 1311069"/>
              <a:gd name="connsiteY62" fmla="*/ 118486 h 698035"/>
              <a:gd name="connsiteX63" fmla="*/ 1220917 w 1311069"/>
              <a:gd name="connsiteY63" fmla="*/ 95304 h 698035"/>
              <a:gd name="connsiteX64" fmla="*/ 1233796 w 1311069"/>
              <a:gd name="connsiteY64" fmla="*/ 95304 h 698035"/>
              <a:gd name="connsiteX65" fmla="*/ 1231220 w 1311069"/>
              <a:gd name="connsiteY65" fmla="*/ 74698 h 698035"/>
              <a:gd name="connsiteX66" fmla="*/ 1215765 w 1311069"/>
              <a:gd name="connsiteY66" fmla="*/ 28334 h 698035"/>
              <a:gd name="connsiteX67" fmla="*/ 1223493 w 1311069"/>
              <a:gd name="connsiteY67" fmla="*/ 25758 h 698035"/>
              <a:gd name="connsiteX68" fmla="*/ 1303342 w 1311069"/>
              <a:gd name="connsiteY68" fmla="*/ 121061 h 698035"/>
              <a:gd name="connsiteX69" fmla="*/ 1311069 w 1311069"/>
              <a:gd name="connsiteY69" fmla="*/ 115910 h 698035"/>
              <a:gd name="connsiteX70" fmla="*/ 1210614 w 1311069"/>
              <a:gd name="connsiteY70" fmla="*/ 0 h 698035"/>
              <a:gd name="connsiteX71" fmla="*/ 1156523 w 1311069"/>
              <a:gd name="connsiteY71" fmla="*/ 33485 h 698035"/>
              <a:gd name="connsiteX72" fmla="*/ 360608 w 1311069"/>
              <a:gd name="connsiteY72" fmla="*/ 293638 h 698035"/>
              <a:gd name="connsiteX0" fmla="*/ 360608 w 1311069"/>
              <a:gd name="connsiteY0" fmla="*/ 279360 h 698035"/>
              <a:gd name="connsiteX1" fmla="*/ 360608 w 1311069"/>
              <a:gd name="connsiteY1" fmla="*/ 355457 h 698035"/>
              <a:gd name="connsiteX2" fmla="*/ 324547 w 1311069"/>
              <a:gd name="connsiteY2" fmla="*/ 381215 h 698035"/>
              <a:gd name="connsiteX3" fmla="*/ 285911 w 1311069"/>
              <a:gd name="connsiteY3" fmla="*/ 381215 h 698035"/>
              <a:gd name="connsiteX4" fmla="*/ 257577 w 1311069"/>
              <a:gd name="connsiteY4" fmla="*/ 435306 h 698035"/>
              <a:gd name="connsiteX5" fmla="*/ 198334 w 1311069"/>
              <a:gd name="connsiteY5" fmla="*/ 435306 h 698035"/>
              <a:gd name="connsiteX6" fmla="*/ 182880 w 1311069"/>
              <a:gd name="connsiteY6" fmla="*/ 489397 h 698035"/>
              <a:gd name="connsiteX7" fmla="*/ 154546 w 1311069"/>
              <a:gd name="connsiteY7" fmla="*/ 515155 h 698035"/>
              <a:gd name="connsiteX8" fmla="*/ 103031 w 1311069"/>
              <a:gd name="connsiteY8" fmla="*/ 543489 h 698035"/>
              <a:gd name="connsiteX9" fmla="*/ 43788 w 1311069"/>
              <a:gd name="connsiteY9" fmla="*/ 592428 h 698035"/>
              <a:gd name="connsiteX10" fmla="*/ 30909 w 1311069"/>
              <a:gd name="connsiteY10" fmla="*/ 638792 h 698035"/>
              <a:gd name="connsiteX11" fmla="*/ 0 w 1311069"/>
              <a:gd name="connsiteY11" fmla="*/ 664550 h 698035"/>
              <a:gd name="connsiteX12" fmla="*/ 15454 w 1311069"/>
              <a:gd name="connsiteY12" fmla="*/ 698035 h 698035"/>
              <a:gd name="connsiteX13" fmla="*/ 185455 w 1311069"/>
              <a:gd name="connsiteY13" fmla="*/ 664550 h 698035"/>
              <a:gd name="connsiteX14" fmla="*/ 370911 w 1311069"/>
              <a:gd name="connsiteY14" fmla="*/ 569246 h 698035"/>
              <a:gd name="connsiteX15" fmla="*/ 504852 w 1311069"/>
              <a:gd name="connsiteY15" fmla="*/ 558943 h 698035"/>
              <a:gd name="connsiteX16" fmla="*/ 589852 w 1311069"/>
              <a:gd name="connsiteY16" fmla="*/ 600156 h 698035"/>
              <a:gd name="connsiteX17" fmla="*/ 749550 w 1311069"/>
              <a:gd name="connsiteY17" fmla="*/ 546064 h 698035"/>
              <a:gd name="connsiteX18" fmla="*/ 945309 w 1311069"/>
              <a:gd name="connsiteY18" fmla="*/ 677429 h 698035"/>
              <a:gd name="connsiteX19" fmla="*/ 976218 w 1311069"/>
              <a:gd name="connsiteY19" fmla="*/ 651671 h 698035"/>
              <a:gd name="connsiteX20" fmla="*/ 1009703 w 1311069"/>
              <a:gd name="connsiteY20" fmla="*/ 631065 h 698035"/>
              <a:gd name="connsiteX21" fmla="*/ 1050916 w 1311069"/>
              <a:gd name="connsiteY21" fmla="*/ 582125 h 698035"/>
              <a:gd name="connsiteX22" fmla="*/ 1071522 w 1311069"/>
              <a:gd name="connsiteY22" fmla="*/ 530610 h 698035"/>
              <a:gd name="connsiteX23" fmla="*/ 1115310 w 1311069"/>
              <a:gd name="connsiteY23" fmla="*/ 463640 h 698035"/>
              <a:gd name="connsiteX24" fmla="*/ 1151371 w 1311069"/>
              <a:gd name="connsiteY24" fmla="*/ 422427 h 698035"/>
              <a:gd name="connsiteX25" fmla="*/ 1190008 w 1311069"/>
              <a:gd name="connsiteY25" fmla="*/ 412124 h 698035"/>
              <a:gd name="connsiteX26" fmla="*/ 1231220 w 1311069"/>
              <a:gd name="connsiteY26" fmla="*/ 381215 h 698035"/>
              <a:gd name="connsiteX27" fmla="*/ 1238947 w 1311069"/>
              <a:gd name="connsiteY27" fmla="*/ 340002 h 698035"/>
              <a:gd name="connsiteX28" fmla="*/ 1223493 w 1311069"/>
              <a:gd name="connsiteY28" fmla="*/ 337427 h 698035"/>
              <a:gd name="connsiteX29" fmla="*/ 1197735 w 1311069"/>
              <a:gd name="connsiteY29" fmla="*/ 352881 h 698035"/>
              <a:gd name="connsiteX30" fmla="*/ 1184856 w 1311069"/>
              <a:gd name="connsiteY30" fmla="*/ 370912 h 698035"/>
              <a:gd name="connsiteX31" fmla="*/ 1159098 w 1311069"/>
              <a:gd name="connsiteY31" fmla="*/ 378639 h 698035"/>
              <a:gd name="connsiteX32" fmla="*/ 1138492 w 1311069"/>
              <a:gd name="connsiteY32" fmla="*/ 370912 h 698035"/>
              <a:gd name="connsiteX33" fmla="*/ 1133341 w 1311069"/>
              <a:gd name="connsiteY33" fmla="*/ 358033 h 698035"/>
              <a:gd name="connsiteX34" fmla="*/ 1146219 w 1311069"/>
              <a:gd name="connsiteY34" fmla="*/ 350305 h 698035"/>
              <a:gd name="connsiteX35" fmla="*/ 1164250 w 1311069"/>
              <a:gd name="connsiteY35" fmla="*/ 352881 h 698035"/>
              <a:gd name="connsiteX36" fmla="*/ 1177129 w 1311069"/>
              <a:gd name="connsiteY36" fmla="*/ 352881 h 698035"/>
              <a:gd name="connsiteX37" fmla="*/ 1184856 w 1311069"/>
              <a:gd name="connsiteY37" fmla="*/ 332275 h 698035"/>
              <a:gd name="connsiteX38" fmla="*/ 1187432 w 1311069"/>
              <a:gd name="connsiteY38" fmla="*/ 306517 h 698035"/>
              <a:gd name="connsiteX39" fmla="*/ 1169401 w 1311069"/>
              <a:gd name="connsiteY39" fmla="*/ 303941 h 698035"/>
              <a:gd name="connsiteX40" fmla="*/ 1138492 w 1311069"/>
              <a:gd name="connsiteY40" fmla="*/ 301366 h 698035"/>
              <a:gd name="connsiteX41" fmla="*/ 1123037 w 1311069"/>
              <a:gd name="connsiteY41" fmla="*/ 293638 h 698035"/>
              <a:gd name="connsiteX42" fmla="*/ 1135916 w 1311069"/>
              <a:gd name="connsiteY42" fmla="*/ 273032 h 698035"/>
              <a:gd name="connsiteX43" fmla="*/ 1156523 w 1311069"/>
              <a:gd name="connsiteY43" fmla="*/ 273032 h 698035"/>
              <a:gd name="connsiteX44" fmla="*/ 1171977 w 1311069"/>
              <a:gd name="connsiteY44" fmla="*/ 260153 h 698035"/>
              <a:gd name="connsiteX45" fmla="*/ 1195159 w 1311069"/>
              <a:gd name="connsiteY45" fmla="*/ 244699 h 698035"/>
              <a:gd name="connsiteX46" fmla="*/ 1220917 w 1311069"/>
              <a:gd name="connsiteY46" fmla="*/ 262729 h 698035"/>
              <a:gd name="connsiteX47" fmla="*/ 1251826 w 1311069"/>
              <a:gd name="connsiteY47" fmla="*/ 252426 h 698035"/>
              <a:gd name="connsiteX48" fmla="*/ 1269857 w 1311069"/>
              <a:gd name="connsiteY48" fmla="*/ 226668 h 698035"/>
              <a:gd name="connsiteX49" fmla="*/ 1293039 w 1311069"/>
              <a:gd name="connsiteY49" fmla="*/ 190607 h 698035"/>
              <a:gd name="connsiteX50" fmla="*/ 1280160 w 1311069"/>
              <a:gd name="connsiteY50" fmla="*/ 136516 h 698035"/>
              <a:gd name="connsiteX51" fmla="*/ 1256978 w 1311069"/>
              <a:gd name="connsiteY51" fmla="*/ 123637 h 698035"/>
              <a:gd name="connsiteX52" fmla="*/ 1246675 w 1311069"/>
              <a:gd name="connsiteY52" fmla="*/ 149395 h 698035"/>
              <a:gd name="connsiteX53" fmla="*/ 1241523 w 1311069"/>
              <a:gd name="connsiteY53" fmla="*/ 167425 h 698035"/>
              <a:gd name="connsiteX54" fmla="*/ 1200311 w 1311069"/>
              <a:gd name="connsiteY54" fmla="*/ 154547 h 698035"/>
              <a:gd name="connsiteX55" fmla="*/ 1161674 w 1311069"/>
              <a:gd name="connsiteY55" fmla="*/ 162274 h 698035"/>
              <a:gd name="connsiteX56" fmla="*/ 1138492 w 1311069"/>
              <a:gd name="connsiteY56" fmla="*/ 177729 h 698035"/>
              <a:gd name="connsiteX57" fmla="*/ 1128189 w 1311069"/>
              <a:gd name="connsiteY57" fmla="*/ 151971 h 698035"/>
              <a:gd name="connsiteX58" fmla="*/ 1110159 w 1311069"/>
              <a:gd name="connsiteY58" fmla="*/ 123637 h 698035"/>
              <a:gd name="connsiteX59" fmla="*/ 1130765 w 1311069"/>
              <a:gd name="connsiteY59" fmla="*/ 110758 h 698035"/>
              <a:gd name="connsiteX60" fmla="*/ 1159098 w 1311069"/>
              <a:gd name="connsiteY60" fmla="*/ 131365 h 698035"/>
              <a:gd name="connsiteX61" fmla="*/ 1179704 w 1311069"/>
              <a:gd name="connsiteY61" fmla="*/ 121061 h 698035"/>
              <a:gd name="connsiteX62" fmla="*/ 1195159 w 1311069"/>
              <a:gd name="connsiteY62" fmla="*/ 118486 h 698035"/>
              <a:gd name="connsiteX63" fmla="*/ 1220917 w 1311069"/>
              <a:gd name="connsiteY63" fmla="*/ 95304 h 698035"/>
              <a:gd name="connsiteX64" fmla="*/ 1233796 w 1311069"/>
              <a:gd name="connsiteY64" fmla="*/ 95304 h 698035"/>
              <a:gd name="connsiteX65" fmla="*/ 1231220 w 1311069"/>
              <a:gd name="connsiteY65" fmla="*/ 74698 h 698035"/>
              <a:gd name="connsiteX66" fmla="*/ 1215765 w 1311069"/>
              <a:gd name="connsiteY66" fmla="*/ 28334 h 698035"/>
              <a:gd name="connsiteX67" fmla="*/ 1223493 w 1311069"/>
              <a:gd name="connsiteY67" fmla="*/ 25758 h 698035"/>
              <a:gd name="connsiteX68" fmla="*/ 1303342 w 1311069"/>
              <a:gd name="connsiteY68" fmla="*/ 121061 h 698035"/>
              <a:gd name="connsiteX69" fmla="*/ 1311069 w 1311069"/>
              <a:gd name="connsiteY69" fmla="*/ 115910 h 698035"/>
              <a:gd name="connsiteX70" fmla="*/ 1210614 w 1311069"/>
              <a:gd name="connsiteY70" fmla="*/ 0 h 698035"/>
              <a:gd name="connsiteX71" fmla="*/ 1156523 w 1311069"/>
              <a:gd name="connsiteY71" fmla="*/ 33485 h 698035"/>
              <a:gd name="connsiteX72" fmla="*/ 360608 w 1311069"/>
              <a:gd name="connsiteY72" fmla="*/ 279360 h 698035"/>
              <a:gd name="connsiteX0" fmla="*/ 360608 w 1311069"/>
              <a:gd name="connsiteY0" fmla="*/ 279360 h 698035"/>
              <a:gd name="connsiteX1" fmla="*/ 360608 w 1311069"/>
              <a:gd name="connsiteY1" fmla="*/ 355457 h 698035"/>
              <a:gd name="connsiteX2" fmla="*/ 324547 w 1311069"/>
              <a:gd name="connsiteY2" fmla="*/ 381215 h 698035"/>
              <a:gd name="connsiteX3" fmla="*/ 285911 w 1311069"/>
              <a:gd name="connsiteY3" fmla="*/ 381215 h 698035"/>
              <a:gd name="connsiteX4" fmla="*/ 257577 w 1311069"/>
              <a:gd name="connsiteY4" fmla="*/ 435306 h 698035"/>
              <a:gd name="connsiteX5" fmla="*/ 198334 w 1311069"/>
              <a:gd name="connsiteY5" fmla="*/ 435306 h 698035"/>
              <a:gd name="connsiteX6" fmla="*/ 182880 w 1311069"/>
              <a:gd name="connsiteY6" fmla="*/ 489397 h 698035"/>
              <a:gd name="connsiteX7" fmla="*/ 154546 w 1311069"/>
              <a:gd name="connsiteY7" fmla="*/ 515155 h 698035"/>
              <a:gd name="connsiteX8" fmla="*/ 103031 w 1311069"/>
              <a:gd name="connsiteY8" fmla="*/ 543489 h 698035"/>
              <a:gd name="connsiteX9" fmla="*/ 43788 w 1311069"/>
              <a:gd name="connsiteY9" fmla="*/ 592428 h 698035"/>
              <a:gd name="connsiteX10" fmla="*/ 30909 w 1311069"/>
              <a:gd name="connsiteY10" fmla="*/ 638792 h 698035"/>
              <a:gd name="connsiteX11" fmla="*/ 0 w 1311069"/>
              <a:gd name="connsiteY11" fmla="*/ 664550 h 698035"/>
              <a:gd name="connsiteX12" fmla="*/ 15454 w 1311069"/>
              <a:gd name="connsiteY12" fmla="*/ 698035 h 698035"/>
              <a:gd name="connsiteX13" fmla="*/ 185455 w 1311069"/>
              <a:gd name="connsiteY13" fmla="*/ 664550 h 698035"/>
              <a:gd name="connsiteX14" fmla="*/ 370911 w 1311069"/>
              <a:gd name="connsiteY14" fmla="*/ 569246 h 698035"/>
              <a:gd name="connsiteX15" fmla="*/ 504852 w 1311069"/>
              <a:gd name="connsiteY15" fmla="*/ 558943 h 698035"/>
              <a:gd name="connsiteX16" fmla="*/ 589852 w 1311069"/>
              <a:gd name="connsiteY16" fmla="*/ 600156 h 698035"/>
              <a:gd name="connsiteX17" fmla="*/ 749550 w 1311069"/>
              <a:gd name="connsiteY17" fmla="*/ 546064 h 698035"/>
              <a:gd name="connsiteX18" fmla="*/ 945309 w 1311069"/>
              <a:gd name="connsiteY18" fmla="*/ 677429 h 698035"/>
              <a:gd name="connsiteX19" fmla="*/ 976218 w 1311069"/>
              <a:gd name="connsiteY19" fmla="*/ 651671 h 698035"/>
              <a:gd name="connsiteX20" fmla="*/ 1009703 w 1311069"/>
              <a:gd name="connsiteY20" fmla="*/ 631065 h 698035"/>
              <a:gd name="connsiteX21" fmla="*/ 1050916 w 1311069"/>
              <a:gd name="connsiteY21" fmla="*/ 582125 h 698035"/>
              <a:gd name="connsiteX22" fmla="*/ 1071522 w 1311069"/>
              <a:gd name="connsiteY22" fmla="*/ 530610 h 698035"/>
              <a:gd name="connsiteX23" fmla="*/ 1115310 w 1311069"/>
              <a:gd name="connsiteY23" fmla="*/ 463640 h 698035"/>
              <a:gd name="connsiteX24" fmla="*/ 1151371 w 1311069"/>
              <a:gd name="connsiteY24" fmla="*/ 422427 h 698035"/>
              <a:gd name="connsiteX25" fmla="*/ 1190008 w 1311069"/>
              <a:gd name="connsiteY25" fmla="*/ 412124 h 698035"/>
              <a:gd name="connsiteX26" fmla="*/ 1231220 w 1311069"/>
              <a:gd name="connsiteY26" fmla="*/ 381215 h 698035"/>
              <a:gd name="connsiteX27" fmla="*/ 1238947 w 1311069"/>
              <a:gd name="connsiteY27" fmla="*/ 340002 h 698035"/>
              <a:gd name="connsiteX28" fmla="*/ 1223493 w 1311069"/>
              <a:gd name="connsiteY28" fmla="*/ 337427 h 698035"/>
              <a:gd name="connsiteX29" fmla="*/ 1197735 w 1311069"/>
              <a:gd name="connsiteY29" fmla="*/ 352881 h 698035"/>
              <a:gd name="connsiteX30" fmla="*/ 1184856 w 1311069"/>
              <a:gd name="connsiteY30" fmla="*/ 370912 h 698035"/>
              <a:gd name="connsiteX31" fmla="*/ 1159098 w 1311069"/>
              <a:gd name="connsiteY31" fmla="*/ 378639 h 698035"/>
              <a:gd name="connsiteX32" fmla="*/ 1138492 w 1311069"/>
              <a:gd name="connsiteY32" fmla="*/ 370912 h 698035"/>
              <a:gd name="connsiteX33" fmla="*/ 1133341 w 1311069"/>
              <a:gd name="connsiteY33" fmla="*/ 358033 h 698035"/>
              <a:gd name="connsiteX34" fmla="*/ 1146219 w 1311069"/>
              <a:gd name="connsiteY34" fmla="*/ 350305 h 698035"/>
              <a:gd name="connsiteX35" fmla="*/ 1164250 w 1311069"/>
              <a:gd name="connsiteY35" fmla="*/ 352881 h 698035"/>
              <a:gd name="connsiteX36" fmla="*/ 1177129 w 1311069"/>
              <a:gd name="connsiteY36" fmla="*/ 352881 h 698035"/>
              <a:gd name="connsiteX37" fmla="*/ 1184856 w 1311069"/>
              <a:gd name="connsiteY37" fmla="*/ 332275 h 698035"/>
              <a:gd name="connsiteX38" fmla="*/ 1187432 w 1311069"/>
              <a:gd name="connsiteY38" fmla="*/ 306517 h 698035"/>
              <a:gd name="connsiteX39" fmla="*/ 1169401 w 1311069"/>
              <a:gd name="connsiteY39" fmla="*/ 303941 h 698035"/>
              <a:gd name="connsiteX40" fmla="*/ 1138492 w 1311069"/>
              <a:gd name="connsiteY40" fmla="*/ 301366 h 698035"/>
              <a:gd name="connsiteX41" fmla="*/ 1123037 w 1311069"/>
              <a:gd name="connsiteY41" fmla="*/ 293638 h 698035"/>
              <a:gd name="connsiteX42" fmla="*/ 1135916 w 1311069"/>
              <a:gd name="connsiteY42" fmla="*/ 273032 h 698035"/>
              <a:gd name="connsiteX43" fmla="*/ 1156523 w 1311069"/>
              <a:gd name="connsiteY43" fmla="*/ 273032 h 698035"/>
              <a:gd name="connsiteX44" fmla="*/ 1171977 w 1311069"/>
              <a:gd name="connsiteY44" fmla="*/ 260153 h 698035"/>
              <a:gd name="connsiteX45" fmla="*/ 1195159 w 1311069"/>
              <a:gd name="connsiteY45" fmla="*/ 244699 h 698035"/>
              <a:gd name="connsiteX46" fmla="*/ 1220917 w 1311069"/>
              <a:gd name="connsiteY46" fmla="*/ 262729 h 698035"/>
              <a:gd name="connsiteX47" fmla="*/ 1251826 w 1311069"/>
              <a:gd name="connsiteY47" fmla="*/ 252426 h 698035"/>
              <a:gd name="connsiteX48" fmla="*/ 1269857 w 1311069"/>
              <a:gd name="connsiteY48" fmla="*/ 226668 h 698035"/>
              <a:gd name="connsiteX49" fmla="*/ 1293039 w 1311069"/>
              <a:gd name="connsiteY49" fmla="*/ 190607 h 698035"/>
              <a:gd name="connsiteX50" fmla="*/ 1280160 w 1311069"/>
              <a:gd name="connsiteY50" fmla="*/ 136516 h 698035"/>
              <a:gd name="connsiteX51" fmla="*/ 1256978 w 1311069"/>
              <a:gd name="connsiteY51" fmla="*/ 123637 h 698035"/>
              <a:gd name="connsiteX52" fmla="*/ 1246675 w 1311069"/>
              <a:gd name="connsiteY52" fmla="*/ 149395 h 698035"/>
              <a:gd name="connsiteX53" fmla="*/ 1241523 w 1311069"/>
              <a:gd name="connsiteY53" fmla="*/ 167425 h 698035"/>
              <a:gd name="connsiteX54" fmla="*/ 1200311 w 1311069"/>
              <a:gd name="connsiteY54" fmla="*/ 154547 h 698035"/>
              <a:gd name="connsiteX55" fmla="*/ 1161674 w 1311069"/>
              <a:gd name="connsiteY55" fmla="*/ 162274 h 698035"/>
              <a:gd name="connsiteX56" fmla="*/ 1138492 w 1311069"/>
              <a:gd name="connsiteY56" fmla="*/ 177729 h 698035"/>
              <a:gd name="connsiteX57" fmla="*/ 1128189 w 1311069"/>
              <a:gd name="connsiteY57" fmla="*/ 151971 h 698035"/>
              <a:gd name="connsiteX58" fmla="*/ 1110159 w 1311069"/>
              <a:gd name="connsiteY58" fmla="*/ 123637 h 698035"/>
              <a:gd name="connsiteX59" fmla="*/ 1130765 w 1311069"/>
              <a:gd name="connsiteY59" fmla="*/ 110758 h 698035"/>
              <a:gd name="connsiteX60" fmla="*/ 1159098 w 1311069"/>
              <a:gd name="connsiteY60" fmla="*/ 131365 h 698035"/>
              <a:gd name="connsiteX61" fmla="*/ 1179704 w 1311069"/>
              <a:gd name="connsiteY61" fmla="*/ 121061 h 698035"/>
              <a:gd name="connsiteX62" fmla="*/ 1195159 w 1311069"/>
              <a:gd name="connsiteY62" fmla="*/ 118486 h 698035"/>
              <a:gd name="connsiteX63" fmla="*/ 1220917 w 1311069"/>
              <a:gd name="connsiteY63" fmla="*/ 95304 h 698035"/>
              <a:gd name="connsiteX64" fmla="*/ 1233796 w 1311069"/>
              <a:gd name="connsiteY64" fmla="*/ 95304 h 698035"/>
              <a:gd name="connsiteX65" fmla="*/ 1231220 w 1311069"/>
              <a:gd name="connsiteY65" fmla="*/ 74698 h 698035"/>
              <a:gd name="connsiteX66" fmla="*/ 1215765 w 1311069"/>
              <a:gd name="connsiteY66" fmla="*/ 28334 h 698035"/>
              <a:gd name="connsiteX67" fmla="*/ 1223493 w 1311069"/>
              <a:gd name="connsiteY67" fmla="*/ 25758 h 698035"/>
              <a:gd name="connsiteX68" fmla="*/ 1303342 w 1311069"/>
              <a:gd name="connsiteY68" fmla="*/ 121061 h 698035"/>
              <a:gd name="connsiteX69" fmla="*/ 1311069 w 1311069"/>
              <a:gd name="connsiteY69" fmla="*/ 115910 h 698035"/>
              <a:gd name="connsiteX70" fmla="*/ 1210614 w 1311069"/>
              <a:gd name="connsiteY70" fmla="*/ 0 h 698035"/>
              <a:gd name="connsiteX71" fmla="*/ 1151761 w 1311069"/>
              <a:gd name="connsiteY71" fmla="*/ 26346 h 698035"/>
              <a:gd name="connsiteX72" fmla="*/ 360608 w 1311069"/>
              <a:gd name="connsiteY72" fmla="*/ 279360 h 698035"/>
              <a:gd name="connsiteX0" fmla="*/ 360608 w 1311069"/>
              <a:gd name="connsiteY0" fmla="*/ 279360 h 698035"/>
              <a:gd name="connsiteX1" fmla="*/ 360608 w 1311069"/>
              <a:gd name="connsiteY1" fmla="*/ 355457 h 698035"/>
              <a:gd name="connsiteX2" fmla="*/ 324547 w 1311069"/>
              <a:gd name="connsiteY2" fmla="*/ 381215 h 698035"/>
              <a:gd name="connsiteX3" fmla="*/ 285911 w 1311069"/>
              <a:gd name="connsiteY3" fmla="*/ 381215 h 698035"/>
              <a:gd name="connsiteX4" fmla="*/ 257577 w 1311069"/>
              <a:gd name="connsiteY4" fmla="*/ 435306 h 698035"/>
              <a:gd name="connsiteX5" fmla="*/ 198334 w 1311069"/>
              <a:gd name="connsiteY5" fmla="*/ 435306 h 698035"/>
              <a:gd name="connsiteX6" fmla="*/ 182880 w 1311069"/>
              <a:gd name="connsiteY6" fmla="*/ 489397 h 698035"/>
              <a:gd name="connsiteX7" fmla="*/ 154546 w 1311069"/>
              <a:gd name="connsiteY7" fmla="*/ 515155 h 698035"/>
              <a:gd name="connsiteX8" fmla="*/ 103031 w 1311069"/>
              <a:gd name="connsiteY8" fmla="*/ 543489 h 698035"/>
              <a:gd name="connsiteX9" fmla="*/ 43788 w 1311069"/>
              <a:gd name="connsiteY9" fmla="*/ 592428 h 698035"/>
              <a:gd name="connsiteX10" fmla="*/ 30909 w 1311069"/>
              <a:gd name="connsiteY10" fmla="*/ 638792 h 698035"/>
              <a:gd name="connsiteX11" fmla="*/ 0 w 1311069"/>
              <a:gd name="connsiteY11" fmla="*/ 664550 h 698035"/>
              <a:gd name="connsiteX12" fmla="*/ 15454 w 1311069"/>
              <a:gd name="connsiteY12" fmla="*/ 698035 h 698035"/>
              <a:gd name="connsiteX13" fmla="*/ 185455 w 1311069"/>
              <a:gd name="connsiteY13" fmla="*/ 664550 h 698035"/>
              <a:gd name="connsiteX14" fmla="*/ 370911 w 1311069"/>
              <a:gd name="connsiteY14" fmla="*/ 569246 h 698035"/>
              <a:gd name="connsiteX15" fmla="*/ 504852 w 1311069"/>
              <a:gd name="connsiteY15" fmla="*/ 558943 h 698035"/>
              <a:gd name="connsiteX16" fmla="*/ 589852 w 1311069"/>
              <a:gd name="connsiteY16" fmla="*/ 600156 h 698035"/>
              <a:gd name="connsiteX17" fmla="*/ 749550 w 1311069"/>
              <a:gd name="connsiteY17" fmla="*/ 546064 h 698035"/>
              <a:gd name="connsiteX18" fmla="*/ 945309 w 1311069"/>
              <a:gd name="connsiteY18" fmla="*/ 677429 h 698035"/>
              <a:gd name="connsiteX19" fmla="*/ 976218 w 1311069"/>
              <a:gd name="connsiteY19" fmla="*/ 651671 h 698035"/>
              <a:gd name="connsiteX20" fmla="*/ 1009703 w 1311069"/>
              <a:gd name="connsiteY20" fmla="*/ 631065 h 698035"/>
              <a:gd name="connsiteX21" fmla="*/ 1050916 w 1311069"/>
              <a:gd name="connsiteY21" fmla="*/ 582125 h 698035"/>
              <a:gd name="connsiteX22" fmla="*/ 1071522 w 1311069"/>
              <a:gd name="connsiteY22" fmla="*/ 530610 h 698035"/>
              <a:gd name="connsiteX23" fmla="*/ 1115310 w 1311069"/>
              <a:gd name="connsiteY23" fmla="*/ 463640 h 698035"/>
              <a:gd name="connsiteX24" fmla="*/ 1151371 w 1311069"/>
              <a:gd name="connsiteY24" fmla="*/ 422427 h 698035"/>
              <a:gd name="connsiteX25" fmla="*/ 1190008 w 1311069"/>
              <a:gd name="connsiteY25" fmla="*/ 412124 h 698035"/>
              <a:gd name="connsiteX26" fmla="*/ 1231220 w 1311069"/>
              <a:gd name="connsiteY26" fmla="*/ 381215 h 698035"/>
              <a:gd name="connsiteX27" fmla="*/ 1238947 w 1311069"/>
              <a:gd name="connsiteY27" fmla="*/ 340002 h 698035"/>
              <a:gd name="connsiteX28" fmla="*/ 1223493 w 1311069"/>
              <a:gd name="connsiteY28" fmla="*/ 337427 h 698035"/>
              <a:gd name="connsiteX29" fmla="*/ 1197735 w 1311069"/>
              <a:gd name="connsiteY29" fmla="*/ 352881 h 698035"/>
              <a:gd name="connsiteX30" fmla="*/ 1184856 w 1311069"/>
              <a:gd name="connsiteY30" fmla="*/ 370912 h 698035"/>
              <a:gd name="connsiteX31" fmla="*/ 1159098 w 1311069"/>
              <a:gd name="connsiteY31" fmla="*/ 378639 h 698035"/>
              <a:gd name="connsiteX32" fmla="*/ 1138492 w 1311069"/>
              <a:gd name="connsiteY32" fmla="*/ 370912 h 698035"/>
              <a:gd name="connsiteX33" fmla="*/ 1133341 w 1311069"/>
              <a:gd name="connsiteY33" fmla="*/ 358033 h 698035"/>
              <a:gd name="connsiteX34" fmla="*/ 1146219 w 1311069"/>
              <a:gd name="connsiteY34" fmla="*/ 350305 h 698035"/>
              <a:gd name="connsiteX35" fmla="*/ 1164250 w 1311069"/>
              <a:gd name="connsiteY35" fmla="*/ 352881 h 698035"/>
              <a:gd name="connsiteX36" fmla="*/ 1177129 w 1311069"/>
              <a:gd name="connsiteY36" fmla="*/ 352881 h 698035"/>
              <a:gd name="connsiteX37" fmla="*/ 1184856 w 1311069"/>
              <a:gd name="connsiteY37" fmla="*/ 332275 h 698035"/>
              <a:gd name="connsiteX38" fmla="*/ 1187432 w 1311069"/>
              <a:gd name="connsiteY38" fmla="*/ 306517 h 698035"/>
              <a:gd name="connsiteX39" fmla="*/ 1169401 w 1311069"/>
              <a:gd name="connsiteY39" fmla="*/ 303941 h 698035"/>
              <a:gd name="connsiteX40" fmla="*/ 1138492 w 1311069"/>
              <a:gd name="connsiteY40" fmla="*/ 301366 h 698035"/>
              <a:gd name="connsiteX41" fmla="*/ 1123037 w 1311069"/>
              <a:gd name="connsiteY41" fmla="*/ 293638 h 698035"/>
              <a:gd name="connsiteX42" fmla="*/ 1135916 w 1311069"/>
              <a:gd name="connsiteY42" fmla="*/ 273032 h 698035"/>
              <a:gd name="connsiteX43" fmla="*/ 1156523 w 1311069"/>
              <a:gd name="connsiteY43" fmla="*/ 273032 h 698035"/>
              <a:gd name="connsiteX44" fmla="*/ 1171977 w 1311069"/>
              <a:gd name="connsiteY44" fmla="*/ 260153 h 698035"/>
              <a:gd name="connsiteX45" fmla="*/ 1195159 w 1311069"/>
              <a:gd name="connsiteY45" fmla="*/ 244699 h 698035"/>
              <a:gd name="connsiteX46" fmla="*/ 1220917 w 1311069"/>
              <a:gd name="connsiteY46" fmla="*/ 262729 h 698035"/>
              <a:gd name="connsiteX47" fmla="*/ 1251826 w 1311069"/>
              <a:gd name="connsiteY47" fmla="*/ 252426 h 698035"/>
              <a:gd name="connsiteX48" fmla="*/ 1269857 w 1311069"/>
              <a:gd name="connsiteY48" fmla="*/ 226668 h 698035"/>
              <a:gd name="connsiteX49" fmla="*/ 1293039 w 1311069"/>
              <a:gd name="connsiteY49" fmla="*/ 190607 h 698035"/>
              <a:gd name="connsiteX50" fmla="*/ 1280160 w 1311069"/>
              <a:gd name="connsiteY50" fmla="*/ 136516 h 698035"/>
              <a:gd name="connsiteX51" fmla="*/ 1256978 w 1311069"/>
              <a:gd name="connsiteY51" fmla="*/ 123637 h 698035"/>
              <a:gd name="connsiteX52" fmla="*/ 1246675 w 1311069"/>
              <a:gd name="connsiteY52" fmla="*/ 149395 h 698035"/>
              <a:gd name="connsiteX53" fmla="*/ 1241523 w 1311069"/>
              <a:gd name="connsiteY53" fmla="*/ 167425 h 698035"/>
              <a:gd name="connsiteX54" fmla="*/ 1200311 w 1311069"/>
              <a:gd name="connsiteY54" fmla="*/ 154547 h 698035"/>
              <a:gd name="connsiteX55" fmla="*/ 1161674 w 1311069"/>
              <a:gd name="connsiteY55" fmla="*/ 162274 h 698035"/>
              <a:gd name="connsiteX56" fmla="*/ 1138492 w 1311069"/>
              <a:gd name="connsiteY56" fmla="*/ 177729 h 698035"/>
              <a:gd name="connsiteX57" fmla="*/ 1128189 w 1311069"/>
              <a:gd name="connsiteY57" fmla="*/ 151971 h 698035"/>
              <a:gd name="connsiteX58" fmla="*/ 1110159 w 1311069"/>
              <a:gd name="connsiteY58" fmla="*/ 123637 h 698035"/>
              <a:gd name="connsiteX59" fmla="*/ 1130765 w 1311069"/>
              <a:gd name="connsiteY59" fmla="*/ 110758 h 698035"/>
              <a:gd name="connsiteX60" fmla="*/ 1159098 w 1311069"/>
              <a:gd name="connsiteY60" fmla="*/ 131365 h 698035"/>
              <a:gd name="connsiteX61" fmla="*/ 1179704 w 1311069"/>
              <a:gd name="connsiteY61" fmla="*/ 121061 h 698035"/>
              <a:gd name="connsiteX62" fmla="*/ 1195159 w 1311069"/>
              <a:gd name="connsiteY62" fmla="*/ 118486 h 698035"/>
              <a:gd name="connsiteX63" fmla="*/ 1220917 w 1311069"/>
              <a:gd name="connsiteY63" fmla="*/ 95304 h 698035"/>
              <a:gd name="connsiteX64" fmla="*/ 1233796 w 1311069"/>
              <a:gd name="connsiteY64" fmla="*/ 95304 h 698035"/>
              <a:gd name="connsiteX65" fmla="*/ 1231220 w 1311069"/>
              <a:gd name="connsiteY65" fmla="*/ 74698 h 698035"/>
              <a:gd name="connsiteX66" fmla="*/ 1215765 w 1311069"/>
              <a:gd name="connsiteY66" fmla="*/ 28334 h 698035"/>
              <a:gd name="connsiteX67" fmla="*/ 1223493 w 1311069"/>
              <a:gd name="connsiteY67" fmla="*/ 25758 h 698035"/>
              <a:gd name="connsiteX68" fmla="*/ 1303342 w 1311069"/>
              <a:gd name="connsiteY68" fmla="*/ 121061 h 698035"/>
              <a:gd name="connsiteX69" fmla="*/ 1311069 w 1311069"/>
              <a:gd name="connsiteY69" fmla="*/ 115910 h 698035"/>
              <a:gd name="connsiteX70" fmla="*/ 1210614 w 1311069"/>
              <a:gd name="connsiteY70" fmla="*/ 0 h 698035"/>
              <a:gd name="connsiteX71" fmla="*/ 935101 w 1311069"/>
              <a:gd name="connsiteY71" fmla="*/ 88218 h 698035"/>
              <a:gd name="connsiteX72" fmla="*/ 360608 w 1311069"/>
              <a:gd name="connsiteY72" fmla="*/ 279360 h 698035"/>
              <a:gd name="connsiteX0" fmla="*/ 372512 w 1322973"/>
              <a:gd name="connsiteY0" fmla="*/ 279360 h 698035"/>
              <a:gd name="connsiteX1" fmla="*/ 372512 w 1322973"/>
              <a:gd name="connsiteY1" fmla="*/ 355457 h 698035"/>
              <a:gd name="connsiteX2" fmla="*/ 336451 w 1322973"/>
              <a:gd name="connsiteY2" fmla="*/ 381215 h 698035"/>
              <a:gd name="connsiteX3" fmla="*/ 297815 w 1322973"/>
              <a:gd name="connsiteY3" fmla="*/ 381215 h 698035"/>
              <a:gd name="connsiteX4" fmla="*/ 269481 w 1322973"/>
              <a:gd name="connsiteY4" fmla="*/ 435306 h 698035"/>
              <a:gd name="connsiteX5" fmla="*/ 210238 w 1322973"/>
              <a:gd name="connsiteY5" fmla="*/ 435306 h 698035"/>
              <a:gd name="connsiteX6" fmla="*/ 194784 w 1322973"/>
              <a:gd name="connsiteY6" fmla="*/ 489397 h 698035"/>
              <a:gd name="connsiteX7" fmla="*/ 166450 w 1322973"/>
              <a:gd name="connsiteY7" fmla="*/ 515155 h 698035"/>
              <a:gd name="connsiteX8" fmla="*/ 114935 w 1322973"/>
              <a:gd name="connsiteY8" fmla="*/ 543489 h 698035"/>
              <a:gd name="connsiteX9" fmla="*/ 55692 w 1322973"/>
              <a:gd name="connsiteY9" fmla="*/ 592428 h 698035"/>
              <a:gd name="connsiteX10" fmla="*/ 42813 w 1322973"/>
              <a:gd name="connsiteY10" fmla="*/ 638792 h 698035"/>
              <a:gd name="connsiteX11" fmla="*/ 0 w 1322973"/>
              <a:gd name="connsiteY11" fmla="*/ 664550 h 698035"/>
              <a:gd name="connsiteX12" fmla="*/ 27358 w 1322973"/>
              <a:gd name="connsiteY12" fmla="*/ 698035 h 698035"/>
              <a:gd name="connsiteX13" fmla="*/ 197359 w 1322973"/>
              <a:gd name="connsiteY13" fmla="*/ 664550 h 698035"/>
              <a:gd name="connsiteX14" fmla="*/ 382815 w 1322973"/>
              <a:gd name="connsiteY14" fmla="*/ 569246 h 698035"/>
              <a:gd name="connsiteX15" fmla="*/ 516756 w 1322973"/>
              <a:gd name="connsiteY15" fmla="*/ 558943 h 698035"/>
              <a:gd name="connsiteX16" fmla="*/ 601756 w 1322973"/>
              <a:gd name="connsiteY16" fmla="*/ 600156 h 698035"/>
              <a:gd name="connsiteX17" fmla="*/ 761454 w 1322973"/>
              <a:gd name="connsiteY17" fmla="*/ 546064 h 698035"/>
              <a:gd name="connsiteX18" fmla="*/ 957213 w 1322973"/>
              <a:gd name="connsiteY18" fmla="*/ 677429 h 698035"/>
              <a:gd name="connsiteX19" fmla="*/ 988122 w 1322973"/>
              <a:gd name="connsiteY19" fmla="*/ 651671 h 698035"/>
              <a:gd name="connsiteX20" fmla="*/ 1021607 w 1322973"/>
              <a:gd name="connsiteY20" fmla="*/ 631065 h 698035"/>
              <a:gd name="connsiteX21" fmla="*/ 1062820 w 1322973"/>
              <a:gd name="connsiteY21" fmla="*/ 582125 h 698035"/>
              <a:gd name="connsiteX22" fmla="*/ 1083426 w 1322973"/>
              <a:gd name="connsiteY22" fmla="*/ 530610 h 698035"/>
              <a:gd name="connsiteX23" fmla="*/ 1127214 w 1322973"/>
              <a:gd name="connsiteY23" fmla="*/ 463640 h 698035"/>
              <a:gd name="connsiteX24" fmla="*/ 1163275 w 1322973"/>
              <a:gd name="connsiteY24" fmla="*/ 422427 h 698035"/>
              <a:gd name="connsiteX25" fmla="*/ 1201912 w 1322973"/>
              <a:gd name="connsiteY25" fmla="*/ 412124 h 698035"/>
              <a:gd name="connsiteX26" fmla="*/ 1243124 w 1322973"/>
              <a:gd name="connsiteY26" fmla="*/ 381215 h 698035"/>
              <a:gd name="connsiteX27" fmla="*/ 1250851 w 1322973"/>
              <a:gd name="connsiteY27" fmla="*/ 340002 h 698035"/>
              <a:gd name="connsiteX28" fmla="*/ 1235397 w 1322973"/>
              <a:gd name="connsiteY28" fmla="*/ 337427 h 698035"/>
              <a:gd name="connsiteX29" fmla="*/ 1209639 w 1322973"/>
              <a:gd name="connsiteY29" fmla="*/ 352881 h 698035"/>
              <a:gd name="connsiteX30" fmla="*/ 1196760 w 1322973"/>
              <a:gd name="connsiteY30" fmla="*/ 370912 h 698035"/>
              <a:gd name="connsiteX31" fmla="*/ 1171002 w 1322973"/>
              <a:gd name="connsiteY31" fmla="*/ 378639 h 698035"/>
              <a:gd name="connsiteX32" fmla="*/ 1150396 w 1322973"/>
              <a:gd name="connsiteY32" fmla="*/ 370912 h 698035"/>
              <a:gd name="connsiteX33" fmla="*/ 1145245 w 1322973"/>
              <a:gd name="connsiteY33" fmla="*/ 358033 h 698035"/>
              <a:gd name="connsiteX34" fmla="*/ 1158123 w 1322973"/>
              <a:gd name="connsiteY34" fmla="*/ 350305 h 698035"/>
              <a:gd name="connsiteX35" fmla="*/ 1176154 w 1322973"/>
              <a:gd name="connsiteY35" fmla="*/ 352881 h 698035"/>
              <a:gd name="connsiteX36" fmla="*/ 1189033 w 1322973"/>
              <a:gd name="connsiteY36" fmla="*/ 352881 h 698035"/>
              <a:gd name="connsiteX37" fmla="*/ 1196760 w 1322973"/>
              <a:gd name="connsiteY37" fmla="*/ 332275 h 698035"/>
              <a:gd name="connsiteX38" fmla="*/ 1199336 w 1322973"/>
              <a:gd name="connsiteY38" fmla="*/ 306517 h 698035"/>
              <a:gd name="connsiteX39" fmla="*/ 1181305 w 1322973"/>
              <a:gd name="connsiteY39" fmla="*/ 303941 h 698035"/>
              <a:gd name="connsiteX40" fmla="*/ 1150396 w 1322973"/>
              <a:gd name="connsiteY40" fmla="*/ 301366 h 698035"/>
              <a:gd name="connsiteX41" fmla="*/ 1134941 w 1322973"/>
              <a:gd name="connsiteY41" fmla="*/ 293638 h 698035"/>
              <a:gd name="connsiteX42" fmla="*/ 1147820 w 1322973"/>
              <a:gd name="connsiteY42" fmla="*/ 273032 h 698035"/>
              <a:gd name="connsiteX43" fmla="*/ 1168427 w 1322973"/>
              <a:gd name="connsiteY43" fmla="*/ 273032 h 698035"/>
              <a:gd name="connsiteX44" fmla="*/ 1183881 w 1322973"/>
              <a:gd name="connsiteY44" fmla="*/ 260153 h 698035"/>
              <a:gd name="connsiteX45" fmla="*/ 1207063 w 1322973"/>
              <a:gd name="connsiteY45" fmla="*/ 244699 h 698035"/>
              <a:gd name="connsiteX46" fmla="*/ 1232821 w 1322973"/>
              <a:gd name="connsiteY46" fmla="*/ 262729 h 698035"/>
              <a:gd name="connsiteX47" fmla="*/ 1263730 w 1322973"/>
              <a:gd name="connsiteY47" fmla="*/ 252426 h 698035"/>
              <a:gd name="connsiteX48" fmla="*/ 1281761 w 1322973"/>
              <a:gd name="connsiteY48" fmla="*/ 226668 h 698035"/>
              <a:gd name="connsiteX49" fmla="*/ 1304943 w 1322973"/>
              <a:gd name="connsiteY49" fmla="*/ 190607 h 698035"/>
              <a:gd name="connsiteX50" fmla="*/ 1292064 w 1322973"/>
              <a:gd name="connsiteY50" fmla="*/ 136516 h 698035"/>
              <a:gd name="connsiteX51" fmla="*/ 1268882 w 1322973"/>
              <a:gd name="connsiteY51" fmla="*/ 123637 h 698035"/>
              <a:gd name="connsiteX52" fmla="*/ 1258579 w 1322973"/>
              <a:gd name="connsiteY52" fmla="*/ 149395 h 698035"/>
              <a:gd name="connsiteX53" fmla="*/ 1253427 w 1322973"/>
              <a:gd name="connsiteY53" fmla="*/ 167425 h 698035"/>
              <a:gd name="connsiteX54" fmla="*/ 1212215 w 1322973"/>
              <a:gd name="connsiteY54" fmla="*/ 154547 h 698035"/>
              <a:gd name="connsiteX55" fmla="*/ 1173578 w 1322973"/>
              <a:gd name="connsiteY55" fmla="*/ 162274 h 698035"/>
              <a:gd name="connsiteX56" fmla="*/ 1150396 w 1322973"/>
              <a:gd name="connsiteY56" fmla="*/ 177729 h 698035"/>
              <a:gd name="connsiteX57" fmla="*/ 1140093 w 1322973"/>
              <a:gd name="connsiteY57" fmla="*/ 151971 h 698035"/>
              <a:gd name="connsiteX58" fmla="*/ 1122063 w 1322973"/>
              <a:gd name="connsiteY58" fmla="*/ 123637 h 698035"/>
              <a:gd name="connsiteX59" fmla="*/ 1142669 w 1322973"/>
              <a:gd name="connsiteY59" fmla="*/ 110758 h 698035"/>
              <a:gd name="connsiteX60" fmla="*/ 1171002 w 1322973"/>
              <a:gd name="connsiteY60" fmla="*/ 131365 h 698035"/>
              <a:gd name="connsiteX61" fmla="*/ 1191608 w 1322973"/>
              <a:gd name="connsiteY61" fmla="*/ 121061 h 698035"/>
              <a:gd name="connsiteX62" fmla="*/ 1207063 w 1322973"/>
              <a:gd name="connsiteY62" fmla="*/ 118486 h 698035"/>
              <a:gd name="connsiteX63" fmla="*/ 1232821 w 1322973"/>
              <a:gd name="connsiteY63" fmla="*/ 95304 h 698035"/>
              <a:gd name="connsiteX64" fmla="*/ 1245700 w 1322973"/>
              <a:gd name="connsiteY64" fmla="*/ 95304 h 698035"/>
              <a:gd name="connsiteX65" fmla="*/ 1243124 w 1322973"/>
              <a:gd name="connsiteY65" fmla="*/ 74698 h 698035"/>
              <a:gd name="connsiteX66" fmla="*/ 1227669 w 1322973"/>
              <a:gd name="connsiteY66" fmla="*/ 28334 h 698035"/>
              <a:gd name="connsiteX67" fmla="*/ 1235397 w 1322973"/>
              <a:gd name="connsiteY67" fmla="*/ 25758 h 698035"/>
              <a:gd name="connsiteX68" fmla="*/ 1315246 w 1322973"/>
              <a:gd name="connsiteY68" fmla="*/ 121061 h 698035"/>
              <a:gd name="connsiteX69" fmla="*/ 1322973 w 1322973"/>
              <a:gd name="connsiteY69" fmla="*/ 115910 h 698035"/>
              <a:gd name="connsiteX70" fmla="*/ 1222518 w 1322973"/>
              <a:gd name="connsiteY70" fmla="*/ 0 h 698035"/>
              <a:gd name="connsiteX71" fmla="*/ 947005 w 1322973"/>
              <a:gd name="connsiteY71" fmla="*/ 88218 h 698035"/>
              <a:gd name="connsiteX72" fmla="*/ 372512 w 1322973"/>
              <a:gd name="connsiteY72" fmla="*/ 279360 h 698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1322973" h="698035">
                <a:moveTo>
                  <a:pt x="372512" y="279360"/>
                </a:moveTo>
                <a:lnTo>
                  <a:pt x="372512" y="355457"/>
                </a:lnTo>
                <a:lnTo>
                  <a:pt x="336451" y="381215"/>
                </a:lnTo>
                <a:lnTo>
                  <a:pt x="297815" y="381215"/>
                </a:lnTo>
                <a:lnTo>
                  <a:pt x="269481" y="435306"/>
                </a:lnTo>
                <a:lnTo>
                  <a:pt x="210238" y="435306"/>
                </a:lnTo>
                <a:lnTo>
                  <a:pt x="194784" y="489397"/>
                </a:lnTo>
                <a:lnTo>
                  <a:pt x="166450" y="515155"/>
                </a:lnTo>
                <a:lnTo>
                  <a:pt x="114935" y="543489"/>
                </a:lnTo>
                <a:lnTo>
                  <a:pt x="55692" y="592428"/>
                </a:lnTo>
                <a:lnTo>
                  <a:pt x="42813" y="638792"/>
                </a:lnTo>
                <a:lnTo>
                  <a:pt x="0" y="664550"/>
                </a:lnTo>
                <a:lnTo>
                  <a:pt x="27358" y="698035"/>
                </a:lnTo>
                <a:lnTo>
                  <a:pt x="197359" y="664550"/>
                </a:lnTo>
                <a:lnTo>
                  <a:pt x="382815" y="569246"/>
                </a:lnTo>
                <a:lnTo>
                  <a:pt x="516756" y="558943"/>
                </a:lnTo>
                <a:lnTo>
                  <a:pt x="601756" y="600156"/>
                </a:lnTo>
                <a:lnTo>
                  <a:pt x="761454" y="546064"/>
                </a:lnTo>
                <a:lnTo>
                  <a:pt x="957213" y="677429"/>
                </a:lnTo>
                <a:lnTo>
                  <a:pt x="988122" y="651671"/>
                </a:lnTo>
                <a:lnTo>
                  <a:pt x="1021607" y="631065"/>
                </a:lnTo>
                <a:lnTo>
                  <a:pt x="1062820" y="582125"/>
                </a:lnTo>
                <a:lnTo>
                  <a:pt x="1083426" y="530610"/>
                </a:lnTo>
                <a:lnTo>
                  <a:pt x="1127214" y="463640"/>
                </a:lnTo>
                <a:lnTo>
                  <a:pt x="1163275" y="422427"/>
                </a:lnTo>
                <a:lnTo>
                  <a:pt x="1201912" y="412124"/>
                </a:lnTo>
                <a:lnTo>
                  <a:pt x="1243124" y="381215"/>
                </a:lnTo>
                <a:lnTo>
                  <a:pt x="1250851" y="340002"/>
                </a:lnTo>
                <a:lnTo>
                  <a:pt x="1235397" y="337427"/>
                </a:lnTo>
                <a:lnTo>
                  <a:pt x="1209639" y="352881"/>
                </a:lnTo>
                <a:lnTo>
                  <a:pt x="1196760" y="370912"/>
                </a:lnTo>
                <a:lnTo>
                  <a:pt x="1171002" y="378639"/>
                </a:lnTo>
                <a:lnTo>
                  <a:pt x="1150396" y="370912"/>
                </a:lnTo>
                <a:lnTo>
                  <a:pt x="1145245" y="358033"/>
                </a:lnTo>
                <a:lnTo>
                  <a:pt x="1158123" y="350305"/>
                </a:lnTo>
                <a:lnTo>
                  <a:pt x="1176154" y="352881"/>
                </a:lnTo>
                <a:lnTo>
                  <a:pt x="1189033" y="352881"/>
                </a:lnTo>
                <a:lnTo>
                  <a:pt x="1196760" y="332275"/>
                </a:lnTo>
                <a:lnTo>
                  <a:pt x="1199336" y="306517"/>
                </a:lnTo>
                <a:lnTo>
                  <a:pt x="1181305" y="303941"/>
                </a:lnTo>
                <a:lnTo>
                  <a:pt x="1150396" y="301366"/>
                </a:lnTo>
                <a:lnTo>
                  <a:pt x="1134941" y="293638"/>
                </a:lnTo>
                <a:lnTo>
                  <a:pt x="1147820" y="273032"/>
                </a:lnTo>
                <a:lnTo>
                  <a:pt x="1168427" y="273032"/>
                </a:lnTo>
                <a:lnTo>
                  <a:pt x="1183881" y="260153"/>
                </a:lnTo>
                <a:lnTo>
                  <a:pt x="1207063" y="244699"/>
                </a:lnTo>
                <a:lnTo>
                  <a:pt x="1232821" y="262729"/>
                </a:lnTo>
                <a:lnTo>
                  <a:pt x="1263730" y="252426"/>
                </a:lnTo>
                <a:lnTo>
                  <a:pt x="1281761" y="226668"/>
                </a:lnTo>
                <a:lnTo>
                  <a:pt x="1304943" y="190607"/>
                </a:lnTo>
                <a:lnTo>
                  <a:pt x="1292064" y="136516"/>
                </a:lnTo>
                <a:lnTo>
                  <a:pt x="1268882" y="123637"/>
                </a:lnTo>
                <a:lnTo>
                  <a:pt x="1258579" y="149395"/>
                </a:lnTo>
                <a:lnTo>
                  <a:pt x="1253427" y="167425"/>
                </a:lnTo>
                <a:lnTo>
                  <a:pt x="1212215" y="154547"/>
                </a:lnTo>
                <a:lnTo>
                  <a:pt x="1173578" y="162274"/>
                </a:lnTo>
                <a:lnTo>
                  <a:pt x="1150396" y="177729"/>
                </a:lnTo>
                <a:lnTo>
                  <a:pt x="1140093" y="151971"/>
                </a:lnTo>
                <a:lnTo>
                  <a:pt x="1122063" y="123637"/>
                </a:lnTo>
                <a:lnTo>
                  <a:pt x="1142669" y="110758"/>
                </a:lnTo>
                <a:lnTo>
                  <a:pt x="1171002" y="131365"/>
                </a:lnTo>
                <a:lnTo>
                  <a:pt x="1191608" y="121061"/>
                </a:lnTo>
                <a:lnTo>
                  <a:pt x="1207063" y="118486"/>
                </a:lnTo>
                <a:lnTo>
                  <a:pt x="1232821" y="95304"/>
                </a:lnTo>
                <a:lnTo>
                  <a:pt x="1245700" y="95304"/>
                </a:lnTo>
                <a:lnTo>
                  <a:pt x="1243124" y="74698"/>
                </a:lnTo>
                <a:lnTo>
                  <a:pt x="1227669" y="28334"/>
                </a:lnTo>
                <a:lnTo>
                  <a:pt x="1235397" y="25758"/>
                </a:lnTo>
                <a:lnTo>
                  <a:pt x="1315246" y="121061"/>
                </a:lnTo>
                <a:lnTo>
                  <a:pt x="1322973" y="115910"/>
                </a:lnTo>
                <a:lnTo>
                  <a:pt x="1222518" y="0"/>
                </a:lnTo>
                <a:lnTo>
                  <a:pt x="947005" y="88218"/>
                </a:lnTo>
                <a:lnTo>
                  <a:pt x="372512" y="27936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8" name="Freeform 57"/>
          <p:cNvSpPr/>
          <p:nvPr userDrawn="1"/>
        </p:nvSpPr>
        <p:spPr>
          <a:xfrm rot="171972">
            <a:off x="8036330" y="1199071"/>
            <a:ext cx="550863" cy="855662"/>
          </a:xfrm>
          <a:custGeom>
            <a:avLst/>
            <a:gdLst>
              <a:gd name="connsiteX0" fmla="*/ 57620 w 541125"/>
              <a:gd name="connsiteY0" fmla="*/ 40084 h 856781"/>
              <a:gd name="connsiteX1" fmla="*/ 45094 w 541125"/>
              <a:gd name="connsiteY1" fmla="*/ 125261 h 856781"/>
              <a:gd name="connsiteX2" fmla="*/ 25053 w 541125"/>
              <a:gd name="connsiteY2" fmla="*/ 195406 h 856781"/>
              <a:gd name="connsiteX3" fmla="*/ 32568 w 541125"/>
              <a:gd name="connsiteY3" fmla="*/ 255531 h 856781"/>
              <a:gd name="connsiteX4" fmla="*/ 35073 w 541125"/>
              <a:gd name="connsiteY4" fmla="*/ 333193 h 856781"/>
              <a:gd name="connsiteX5" fmla="*/ 37579 w 541125"/>
              <a:gd name="connsiteY5" fmla="*/ 393318 h 856781"/>
              <a:gd name="connsiteX6" fmla="*/ 15032 w 541125"/>
              <a:gd name="connsiteY6" fmla="*/ 428391 h 856781"/>
              <a:gd name="connsiteX7" fmla="*/ 27558 w 541125"/>
              <a:gd name="connsiteY7" fmla="*/ 460958 h 856781"/>
              <a:gd name="connsiteX8" fmla="*/ 0 w 541125"/>
              <a:gd name="connsiteY8" fmla="*/ 506052 h 856781"/>
              <a:gd name="connsiteX9" fmla="*/ 135282 w 541125"/>
              <a:gd name="connsiteY9" fmla="*/ 809182 h 856781"/>
              <a:gd name="connsiteX10" fmla="*/ 160334 w 541125"/>
              <a:gd name="connsiteY10" fmla="*/ 844255 h 856781"/>
              <a:gd name="connsiteX11" fmla="*/ 182880 w 541125"/>
              <a:gd name="connsiteY11" fmla="*/ 856781 h 856781"/>
              <a:gd name="connsiteX12" fmla="*/ 202922 w 541125"/>
              <a:gd name="connsiteY12" fmla="*/ 794151 h 856781"/>
              <a:gd name="connsiteX13" fmla="*/ 207933 w 541125"/>
              <a:gd name="connsiteY13" fmla="*/ 761583 h 856781"/>
              <a:gd name="connsiteX14" fmla="*/ 237995 w 541125"/>
              <a:gd name="connsiteY14" fmla="*/ 721500 h 856781"/>
              <a:gd name="connsiteX15" fmla="*/ 225469 w 541125"/>
              <a:gd name="connsiteY15" fmla="*/ 701458 h 856781"/>
              <a:gd name="connsiteX16" fmla="*/ 258037 w 541125"/>
              <a:gd name="connsiteY16" fmla="*/ 673901 h 856781"/>
              <a:gd name="connsiteX17" fmla="*/ 288099 w 541125"/>
              <a:gd name="connsiteY17" fmla="*/ 666385 h 856781"/>
              <a:gd name="connsiteX18" fmla="*/ 293110 w 541125"/>
              <a:gd name="connsiteY18" fmla="*/ 628807 h 856781"/>
              <a:gd name="connsiteX19" fmla="*/ 323172 w 541125"/>
              <a:gd name="connsiteY19" fmla="*/ 606260 h 856781"/>
              <a:gd name="connsiteX20" fmla="*/ 338203 w 541125"/>
              <a:gd name="connsiteY20" fmla="*/ 563672 h 856781"/>
              <a:gd name="connsiteX21" fmla="*/ 328182 w 541125"/>
              <a:gd name="connsiteY21" fmla="*/ 513568 h 856781"/>
              <a:gd name="connsiteX22" fmla="*/ 343214 w 541125"/>
              <a:gd name="connsiteY22" fmla="*/ 498536 h 856781"/>
              <a:gd name="connsiteX23" fmla="*/ 365760 w 541125"/>
              <a:gd name="connsiteY23" fmla="*/ 528599 h 856781"/>
              <a:gd name="connsiteX24" fmla="*/ 385802 w 541125"/>
              <a:gd name="connsiteY24" fmla="*/ 543630 h 856781"/>
              <a:gd name="connsiteX25" fmla="*/ 388307 w 541125"/>
              <a:gd name="connsiteY25" fmla="*/ 493526 h 856781"/>
              <a:gd name="connsiteX26" fmla="*/ 420875 w 541125"/>
              <a:gd name="connsiteY26" fmla="*/ 468474 h 856781"/>
              <a:gd name="connsiteX27" fmla="*/ 430896 w 541125"/>
              <a:gd name="connsiteY27" fmla="*/ 465969 h 856781"/>
              <a:gd name="connsiteX28" fmla="*/ 523588 w 541125"/>
              <a:gd name="connsiteY28" fmla="*/ 368266 h 856781"/>
              <a:gd name="connsiteX29" fmla="*/ 526094 w 541125"/>
              <a:gd name="connsiteY29" fmla="*/ 348224 h 856781"/>
              <a:gd name="connsiteX30" fmla="*/ 541125 w 541125"/>
              <a:gd name="connsiteY30" fmla="*/ 330688 h 856781"/>
              <a:gd name="connsiteX31" fmla="*/ 493526 w 541125"/>
              <a:gd name="connsiteY31" fmla="*/ 285594 h 856781"/>
              <a:gd name="connsiteX32" fmla="*/ 460958 w 541125"/>
              <a:gd name="connsiteY32" fmla="*/ 278078 h 856781"/>
              <a:gd name="connsiteX33" fmla="*/ 443422 w 541125"/>
              <a:gd name="connsiteY33" fmla="*/ 275573 h 856781"/>
              <a:gd name="connsiteX34" fmla="*/ 420875 w 541125"/>
              <a:gd name="connsiteY34" fmla="*/ 265552 h 856781"/>
              <a:gd name="connsiteX35" fmla="*/ 405844 w 541125"/>
              <a:gd name="connsiteY35" fmla="*/ 237995 h 856781"/>
              <a:gd name="connsiteX36" fmla="*/ 393318 w 541125"/>
              <a:gd name="connsiteY36" fmla="*/ 230479 h 856781"/>
              <a:gd name="connsiteX37" fmla="*/ 365760 w 541125"/>
              <a:gd name="connsiteY37" fmla="*/ 237995 h 856781"/>
              <a:gd name="connsiteX38" fmla="*/ 353234 w 541125"/>
              <a:gd name="connsiteY38" fmla="*/ 222964 h 856781"/>
              <a:gd name="connsiteX39" fmla="*/ 315656 w 541125"/>
              <a:gd name="connsiteY39" fmla="*/ 117745 h 856781"/>
              <a:gd name="connsiteX40" fmla="*/ 293110 w 541125"/>
              <a:gd name="connsiteY40" fmla="*/ 87683 h 856781"/>
              <a:gd name="connsiteX41" fmla="*/ 268057 w 541125"/>
              <a:gd name="connsiteY41" fmla="*/ 35073 h 856781"/>
              <a:gd name="connsiteX42" fmla="*/ 248016 w 541125"/>
              <a:gd name="connsiteY42" fmla="*/ 2506 h 856781"/>
              <a:gd name="connsiteX43" fmla="*/ 195407 w 541125"/>
              <a:gd name="connsiteY43" fmla="*/ 0 h 856781"/>
              <a:gd name="connsiteX44" fmla="*/ 165344 w 541125"/>
              <a:gd name="connsiteY44" fmla="*/ 20042 h 856781"/>
              <a:gd name="connsiteX45" fmla="*/ 147808 w 541125"/>
              <a:gd name="connsiteY45" fmla="*/ 42589 h 856781"/>
              <a:gd name="connsiteX46" fmla="*/ 120250 w 541125"/>
              <a:gd name="connsiteY46" fmla="*/ 62631 h 856781"/>
              <a:gd name="connsiteX47" fmla="*/ 107724 w 541125"/>
              <a:gd name="connsiteY47" fmla="*/ 70146 h 856781"/>
              <a:gd name="connsiteX48" fmla="*/ 57620 w 541125"/>
              <a:gd name="connsiteY48" fmla="*/ 40084 h 856781"/>
              <a:gd name="connsiteX0" fmla="*/ 67141 w 550646"/>
              <a:gd name="connsiteY0" fmla="*/ 40084 h 856781"/>
              <a:gd name="connsiteX1" fmla="*/ 54615 w 550646"/>
              <a:gd name="connsiteY1" fmla="*/ 125261 h 856781"/>
              <a:gd name="connsiteX2" fmla="*/ 34574 w 550646"/>
              <a:gd name="connsiteY2" fmla="*/ 195406 h 856781"/>
              <a:gd name="connsiteX3" fmla="*/ 42089 w 550646"/>
              <a:gd name="connsiteY3" fmla="*/ 255531 h 856781"/>
              <a:gd name="connsiteX4" fmla="*/ 44594 w 550646"/>
              <a:gd name="connsiteY4" fmla="*/ 333193 h 856781"/>
              <a:gd name="connsiteX5" fmla="*/ 47100 w 550646"/>
              <a:gd name="connsiteY5" fmla="*/ 393318 h 856781"/>
              <a:gd name="connsiteX6" fmla="*/ 24553 w 550646"/>
              <a:gd name="connsiteY6" fmla="*/ 428391 h 856781"/>
              <a:gd name="connsiteX7" fmla="*/ 37079 w 550646"/>
              <a:gd name="connsiteY7" fmla="*/ 460958 h 856781"/>
              <a:gd name="connsiteX8" fmla="*/ 0 w 550646"/>
              <a:gd name="connsiteY8" fmla="*/ 510821 h 856781"/>
              <a:gd name="connsiteX9" fmla="*/ 144803 w 550646"/>
              <a:gd name="connsiteY9" fmla="*/ 809182 h 856781"/>
              <a:gd name="connsiteX10" fmla="*/ 169855 w 550646"/>
              <a:gd name="connsiteY10" fmla="*/ 844255 h 856781"/>
              <a:gd name="connsiteX11" fmla="*/ 192401 w 550646"/>
              <a:gd name="connsiteY11" fmla="*/ 856781 h 856781"/>
              <a:gd name="connsiteX12" fmla="*/ 212443 w 550646"/>
              <a:gd name="connsiteY12" fmla="*/ 794151 h 856781"/>
              <a:gd name="connsiteX13" fmla="*/ 217454 w 550646"/>
              <a:gd name="connsiteY13" fmla="*/ 761583 h 856781"/>
              <a:gd name="connsiteX14" fmla="*/ 247516 w 550646"/>
              <a:gd name="connsiteY14" fmla="*/ 721500 h 856781"/>
              <a:gd name="connsiteX15" fmla="*/ 234990 w 550646"/>
              <a:gd name="connsiteY15" fmla="*/ 701458 h 856781"/>
              <a:gd name="connsiteX16" fmla="*/ 267558 w 550646"/>
              <a:gd name="connsiteY16" fmla="*/ 673901 h 856781"/>
              <a:gd name="connsiteX17" fmla="*/ 297620 w 550646"/>
              <a:gd name="connsiteY17" fmla="*/ 666385 h 856781"/>
              <a:gd name="connsiteX18" fmla="*/ 302631 w 550646"/>
              <a:gd name="connsiteY18" fmla="*/ 628807 h 856781"/>
              <a:gd name="connsiteX19" fmla="*/ 332693 w 550646"/>
              <a:gd name="connsiteY19" fmla="*/ 606260 h 856781"/>
              <a:gd name="connsiteX20" fmla="*/ 347724 w 550646"/>
              <a:gd name="connsiteY20" fmla="*/ 563672 h 856781"/>
              <a:gd name="connsiteX21" fmla="*/ 337703 w 550646"/>
              <a:gd name="connsiteY21" fmla="*/ 513568 h 856781"/>
              <a:gd name="connsiteX22" fmla="*/ 352735 w 550646"/>
              <a:gd name="connsiteY22" fmla="*/ 498536 h 856781"/>
              <a:gd name="connsiteX23" fmla="*/ 375281 w 550646"/>
              <a:gd name="connsiteY23" fmla="*/ 528599 h 856781"/>
              <a:gd name="connsiteX24" fmla="*/ 395323 w 550646"/>
              <a:gd name="connsiteY24" fmla="*/ 543630 h 856781"/>
              <a:gd name="connsiteX25" fmla="*/ 397828 w 550646"/>
              <a:gd name="connsiteY25" fmla="*/ 493526 h 856781"/>
              <a:gd name="connsiteX26" fmla="*/ 430396 w 550646"/>
              <a:gd name="connsiteY26" fmla="*/ 468474 h 856781"/>
              <a:gd name="connsiteX27" fmla="*/ 440417 w 550646"/>
              <a:gd name="connsiteY27" fmla="*/ 465969 h 856781"/>
              <a:gd name="connsiteX28" fmla="*/ 533109 w 550646"/>
              <a:gd name="connsiteY28" fmla="*/ 368266 h 856781"/>
              <a:gd name="connsiteX29" fmla="*/ 535615 w 550646"/>
              <a:gd name="connsiteY29" fmla="*/ 348224 h 856781"/>
              <a:gd name="connsiteX30" fmla="*/ 550646 w 550646"/>
              <a:gd name="connsiteY30" fmla="*/ 330688 h 856781"/>
              <a:gd name="connsiteX31" fmla="*/ 503047 w 550646"/>
              <a:gd name="connsiteY31" fmla="*/ 285594 h 856781"/>
              <a:gd name="connsiteX32" fmla="*/ 470479 w 550646"/>
              <a:gd name="connsiteY32" fmla="*/ 278078 h 856781"/>
              <a:gd name="connsiteX33" fmla="*/ 452943 w 550646"/>
              <a:gd name="connsiteY33" fmla="*/ 275573 h 856781"/>
              <a:gd name="connsiteX34" fmla="*/ 430396 w 550646"/>
              <a:gd name="connsiteY34" fmla="*/ 265552 h 856781"/>
              <a:gd name="connsiteX35" fmla="*/ 415365 w 550646"/>
              <a:gd name="connsiteY35" fmla="*/ 237995 h 856781"/>
              <a:gd name="connsiteX36" fmla="*/ 402839 w 550646"/>
              <a:gd name="connsiteY36" fmla="*/ 230479 h 856781"/>
              <a:gd name="connsiteX37" fmla="*/ 375281 w 550646"/>
              <a:gd name="connsiteY37" fmla="*/ 237995 h 856781"/>
              <a:gd name="connsiteX38" fmla="*/ 362755 w 550646"/>
              <a:gd name="connsiteY38" fmla="*/ 222964 h 856781"/>
              <a:gd name="connsiteX39" fmla="*/ 325177 w 550646"/>
              <a:gd name="connsiteY39" fmla="*/ 117745 h 856781"/>
              <a:gd name="connsiteX40" fmla="*/ 302631 w 550646"/>
              <a:gd name="connsiteY40" fmla="*/ 87683 h 856781"/>
              <a:gd name="connsiteX41" fmla="*/ 277578 w 550646"/>
              <a:gd name="connsiteY41" fmla="*/ 35073 h 856781"/>
              <a:gd name="connsiteX42" fmla="*/ 257537 w 550646"/>
              <a:gd name="connsiteY42" fmla="*/ 2506 h 856781"/>
              <a:gd name="connsiteX43" fmla="*/ 204928 w 550646"/>
              <a:gd name="connsiteY43" fmla="*/ 0 h 856781"/>
              <a:gd name="connsiteX44" fmla="*/ 174865 w 550646"/>
              <a:gd name="connsiteY44" fmla="*/ 20042 h 856781"/>
              <a:gd name="connsiteX45" fmla="*/ 157329 w 550646"/>
              <a:gd name="connsiteY45" fmla="*/ 42589 h 856781"/>
              <a:gd name="connsiteX46" fmla="*/ 129771 w 550646"/>
              <a:gd name="connsiteY46" fmla="*/ 62631 h 856781"/>
              <a:gd name="connsiteX47" fmla="*/ 117245 w 550646"/>
              <a:gd name="connsiteY47" fmla="*/ 70146 h 856781"/>
              <a:gd name="connsiteX48" fmla="*/ 67141 w 550646"/>
              <a:gd name="connsiteY48" fmla="*/ 40084 h 8567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</a:cxnLst>
            <a:rect l="l" t="t" r="r" b="b"/>
            <a:pathLst>
              <a:path w="550646" h="856781">
                <a:moveTo>
                  <a:pt x="67141" y="40084"/>
                </a:moveTo>
                <a:lnTo>
                  <a:pt x="54615" y="125261"/>
                </a:lnTo>
                <a:lnTo>
                  <a:pt x="34574" y="195406"/>
                </a:lnTo>
                <a:lnTo>
                  <a:pt x="42089" y="255531"/>
                </a:lnTo>
                <a:lnTo>
                  <a:pt x="44594" y="333193"/>
                </a:lnTo>
                <a:lnTo>
                  <a:pt x="47100" y="393318"/>
                </a:lnTo>
                <a:lnTo>
                  <a:pt x="24553" y="428391"/>
                </a:lnTo>
                <a:lnTo>
                  <a:pt x="37079" y="460958"/>
                </a:lnTo>
                <a:lnTo>
                  <a:pt x="0" y="510821"/>
                </a:lnTo>
                <a:lnTo>
                  <a:pt x="144803" y="809182"/>
                </a:lnTo>
                <a:lnTo>
                  <a:pt x="169855" y="844255"/>
                </a:lnTo>
                <a:lnTo>
                  <a:pt x="192401" y="856781"/>
                </a:lnTo>
                <a:lnTo>
                  <a:pt x="212443" y="794151"/>
                </a:lnTo>
                <a:lnTo>
                  <a:pt x="217454" y="761583"/>
                </a:lnTo>
                <a:lnTo>
                  <a:pt x="247516" y="721500"/>
                </a:lnTo>
                <a:lnTo>
                  <a:pt x="234990" y="701458"/>
                </a:lnTo>
                <a:lnTo>
                  <a:pt x="267558" y="673901"/>
                </a:lnTo>
                <a:lnTo>
                  <a:pt x="297620" y="666385"/>
                </a:lnTo>
                <a:lnTo>
                  <a:pt x="302631" y="628807"/>
                </a:lnTo>
                <a:lnTo>
                  <a:pt x="332693" y="606260"/>
                </a:lnTo>
                <a:lnTo>
                  <a:pt x="347724" y="563672"/>
                </a:lnTo>
                <a:lnTo>
                  <a:pt x="337703" y="513568"/>
                </a:lnTo>
                <a:lnTo>
                  <a:pt x="352735" y="498536"/>
                </a:lnTo>
                <a:lnTo>
                  <a:pt x="375281" y="528599"/>
                </a:lnTo>
                <a:lnTo>
                  <a:pt x="395323" y="543630"/>
                </a:lnTo>
                <a:lnTo>
                  <a:pt x="397828" y="493526"/>
                </a:lnTo>
                <a:lnTo>
                  <a:pt x="430396" y="468474"/>
                </a:lnTo>
                <a:lnTo>
                  <a:pt x="440417" y="465969"/>
                </a:lnTo>
                <a:lnTo>
                  <a:pt x="533109" y="368266"/>
                </a:lnTo>
                <a:lnTo>
                  <a:pt x="535615" y="348224"/>
                </a:lnTo>
                <a:lnTo>
                  <a:pt x="550646" y="330688"/>
                </a:lnTo>
                <a:lnTo>
                  <a:pt x="503047" y="285594"/>
                </a:lnTo>
                <a:lnTo>
                  <a:pt x="470479" y="278078"/>
                </a:lnTo>
                <a:lnTo>
                  <a:pt x="452943" y="275573"/>
                </a:lnTo>
                <a:lnTo>
                  <a:pt x="430396" y="265552"/>
                </a:lnTo>
                <a:lnTo>
                  <a:pt x="415365" y="237995"/>
                </a:lnTo>
                <a:lnTo>
                  <a:pt x="402839" y="230479"/>
                </a:lnTo>
                <a:lnTo>
                  <a:pt x="375281" y="237995"/>
                </a:lnTo>
                <a:lnTo>
                  <a:pt x="362755" y="222964"/>
                </a:lnTo>
                <a:lnTo>
                  <a:pt x="325177" y="117745"/>
                </a:lnTo>
                <a:lnTo>
                  <a:pt x="302631" y="87683"/>
                </a:lnTo>
                <a:lnTo>
                  <a:pt x="277578" y="35073"/>
                </a:lnTo>
                <a:lnTo>
                  <a:pt x="257537" y="2506"/>
                </a:lnTo>
                <a:lnTo>
                  <a:pt x="204928" y="0"/>
                </a:lnTo>
                <a:lnTo>
                  <a:pt x="174865" y="20042"/>
                </a:lnTo>
                <a:lnTo>
                  <a:pt x="157329" y="42589"/>
                </a:lnTo>
                <a:lnTo>
                  <a:pt x="129771" y="62631"/>
                </a:lnTo>
                <a:lnTo>
                  <a:pt x="117245" y="70146"/>
                </a:lnTo>
                <a:lnTo>
                  <a:pt x="67141" y="40084"/>
                </a:lnTo>
                <a:close/>
              </a:path>
            </a:pathLst>
          </a:custGeom>
          <a:solidFill>
            <a:srgbClr val="2282AF"/>
          </a:solidFill>
          <a:ln w="12700"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59" name="Freeform 58"/>
          <p:cNvSpPr/>
          <p:nvPr userDrawn="1"/>
        </p:nvSpPr>
        <p:spPr>
          <a:xfrm rot="171972">
            <a:off x="7965783" y="1696370"/>
            <a:ext cx="247650" cy="512762"/>
          </a:xfrm>
          <a:custGeom>
            <a:avLst/>
            <a:gdLst>
              <a:gd name="connsiteX0" fmla="*/ 45093 w 240499"/>
              <a:gd name="connsiteY0" fmla="*/ 0 h 498536"/>
              <a:gd name="connsiteX1" fmla="*/ 17536 w 240499"/>
              <a:gd name="connsiteY1" fmla="*/ 25052 h 498536"/>
              <a:gd name="connsiteX2" fmla="*/ 27557 w 240499"/>
              <a:gd name="connsiteY2" fmla="*/ 95198 h 498536"/>
              <a:gd name="connsiteX3" fmla="*/ 45093 w 240499"/>
              <a:gd name="connsiteY3" fmla="*/ 120250 h 498536"/>
              <a:gd name="connsiteX4" fmla="*/ 47599 w 240499"/>
              <a:gd name="connsiteY4" fmla="*/ 130271 h 498536"/>
              <a:gd name="connsiteX5" fmla="*/ 47599 w 240499"/>
              <a:gd name="connsiteY5" fmla="*/ 142797 h 498536"/>
              <a:gd name="connsiteX6" fmla="*/ 17536 w 240499"/>
              <a:gd name="connsiteY6" fmla="*/ 187891 h 498536"/>
              <a:gd name="connsiteX7" fmla="*/ 17536 w 240499"/>
              <a:gd name="connsiteY7" fmla="*/ 200417 h 498536"/>
              <a:gd name="connsiteX8" fmla="*/ 20041 w 240499"/>
              <a:gd name="connsiteY8" fmla="*/ 217953 h 498536"/>
              <a:gd name="connsiteX9" fmla="*/ 5010 w 240499"/>
              <a:gd name="connsiteY9" fmla="*/ 255531 h 498536"/>
              <a:gd name="connsiteX10" fmla="*/ 20041 w 240499"/>
              <a:gd name="connsiteY10" fmla="*/ 280583 h 498536"/>
              <a:gd name="connsiteX11" fmla="*/ 5010 w 240499"/>
              <a:gd name="connsiteY11" fmla="*/ 308140 h 498536"/>
              <a:gd name="connsiteX12" fmla="*/ 0 w 240499"/>
              <a:gd name="connsiteY12" fmla="*/ 338203 h 498536"/>
              <a:gd name="connsiteX13" fmla="*/ 25052 w 240499"/>
              <a:gd name="connsiteY13" fmla="*/ 413359 h 498536"/>
              <a:gd name="connsiteX14" fmla="*/ 35073 w 240499"/>
              <a:gd name="connsiteY14" fmla="*/ 438411 h 498536"/>
              <a:gd name="connsiteX15" fmla="*/ 30062 w 240499"/>
              <a:gd name="connsiteY15" fmla="*/ 470979 h 498536"/>
              <a:gd name="connsiteX16" fmla="*/ 47599 w 240499"/>
              <a:gd name="connsiteY16" fmla="*/ 498536 h 498536"/>
              <a:gd name="connsiteX17" fmla="*/ 175364 w 240499"/>
              <a:gd name="connsiteY17" fmla="*/ 453442 h 498536"/>
              <a:gd name="connsiteX18" fmla="*/ 210437 w 240499"/>
              <a:gd name="connsiteY18" fmla="*/ 433401 h 498536"/>
              <a:gd name="connsiteX19" fmla="*/ 240499 w 240499"/>
              <a:gd name="connsiteY19" fmla="*/ 388307 h 498536"/>
              <a:gd name="connsiteX20" fmla="*/ 232984 w 240499"/>
              <a:gd name="connsiteY20" fmla="*/ 348224 h 498536"/>
              <a:gd name="connsiteX21" fmla="*/ 197911 w 240499"/>
              <a:gd name="connsiteY21" fmla="*/ 310646 h 498536"/>
              <a:gd name="connsiteX22" fmla="*/ 187890 w 240499"/>
              <a:gd name="connsiteY22" fmla="*/ 280583 h 498536"/>
              <a:gd name="connsiteX23" fmla="*/ 45093 w 240499"/>
              <a:gd name="connsiteY23" fmla="*/ 0 h 498536"/>
              <a:gd name="connsiteX0" fmla="*/ 45093 w 240499"/>
              <a:gd name="connsiteY0" fmla="*/ 0 h 498536"/>
              <a:gd name="connsiteX1" fmla="*/ 17536 w 240499"/>
              <a:gd name="connsiteY1" fmla="*/ 25052 h 498536"/>
              <a:gd name="connsiteX2" fmla="*/ 27557 w 240499"/>
              <a:gd name="connsiteY2" fmla="*/ 95198 h 498536"/>
              <a:gd name="connsiteX3" fmla="*/ 45093 w 240499"/>
              <a:gd name="connsiteY3" fmla="*/ 120250 h 498536"/>
              <a:gd name="connsiteX4" fmla="*/ 47599 w 240499"/>
              <a:gd name="connsiteY4" fmla="*/ 130271 h 498536"/>
              <a:gd name="connsiteX5" fmla="*/ 47599 w 240499"/>
              <a:gd name="connsiteY5" fmla="*/ 142797 h 498536"/>
              <a:gd name="connsiteX6" fmla="*/ 17536 w 240499"/>
              <a:gd name="connsiteY6" fmla="*/ 187891 h 498536"/>
              <a:gd name="connsiteX7" fmla="*/ 17536 w 240499"/>
              <a:gd name="connsiteY7" fmla="*/ 200417 h 498536"/>
              <a:gd name="connsiteX8" fmla="*/ 20041 w 240499"/>
              <a:gd name="connsiteY8" fmla="*/ 217953 h 498536"/>
              <a:gd name="connsiteX9" fmla="*/ 5010 w 240499"/>
              <a:gd name="connsiteY9" fmla="*/ 255531 h 498536"/>
              <a:gd name="connsiteX10" fmla="*/ 20041 w 240499"/>
              <a:gd name="connsiteY10" fmla="*/ 280583 h 498536"/>
              <a:gd name="connsiteX11" fmla="*/ 5010 w 240499"/>
              <a:gd name="connsiteY11" fmla="*/ 308140 h 498536"/>
              <a:gd name="connsiteX12" fmla="*/ 0 w 240499"/>
              <a:gd name="connsiteY12" fmla="*/ 338203 h 498536"/>
              <a:gd name="connsiteX13" fmla="*/ 25052 w 240499"/>
              <a:gd name="connsiteY13" fmla="*/ 413359 h 498536"/>
              <a:gd name="connsiteX14" fmla="*/ 30062 w 240499"/>
              <a:gd name="connsiteY14" fmla="*/ 470979 h 498536"/>
              <a:gd name="connsiteX15" fmla="*/ 47599 w 240499"/>
              <a:gd name="connsiteY15" fmla="*/ 498536 h 498536"/>
              <a:gd name="connsiteX16" fmla="*/ 175364 w 240499"/>
              <a:gd name="connsiteY16" fmla="*/ 453442 h 498536"/>
              <a:gd name="connsiteX17" fmla="*/ 210437 w 240499"/>
              <a:gd name="connsiteY17" fmla="*/ 433401 h 498536"/>
              <a:gd name="connsiteX18" fmla="*/ 240499 w 240499"/>
              <a:gd name="connsiteY18" fmla="*/ 388307 h 498536"/>
              <a:gd name="connsiteX19" fmla="*/ 232984 w 240499"/>
              <a:gd name="connsiteY19" fmla="*/ 348224 h 498536"/>
              <a:gd name="connsiteX20" fmla="*/ 197911 w 240499"/>
              <a:gd name="connsiteY20" fmla="*/ 310646 h 498536"/>
              <a:gd name="connsiteX21" fmla="*/ 187890 w 240499"/>
              <a:gd name="connsiteY21" fmla="*/ 280583 h 498536"/>
              <a:gd name="connsiteX22" fmla="*/ 45093 w 240499"/>
              <a:gd name="connsiteY22" fmla="*/ 0 h 498536"/>
              <a:gd name="connsiteX0" fmla="*/ 52213 w 247619"/>
              <a:gd name="connsiteY0" fmla="*/ 0 h 498536"/>
              <a:gd name="connsiteX1" fmla="*/ 24656 w 247619"/>
              <a:gd name="connsiteY1" fmla="*/ 25052 h 498536"/>
              <a:gd name="connsiteX2" fmla="*/ 34677 w 247619"/>
              <a:gd name="connsiteY2" fmla="*/ 95198 h 498536"/>
              <a:gd name="connsiteX3" fmla="*/ 52213 w 247619"/>
              <a:gd name="connsiteY3" fmla="*/ 120250 h 498536"/>
              <a:gd name="connsiteX4" fmla="*/ 54719 w 247619"/>
              <a:gd name="connsiteY4" fmla="*/ 130271 h 498536"/>
              <a:gd name="connsiteX5" fmla="*/ 54719 w 247619"/>
              <a:gd name="connsiteY5" fmla="*/ 142797 h 498536"/>
              <a:gd name="connsiteX6" fmla="*/ 24656 w 247619"/>
              <a:gd name="connsiteY6" fmla="*/ 187891 h 498536"/>
              <a:gd name="connsiteX7" fmla="*/ 24656 w 247619"/>
              <a:gd name="connsiteY7" fmla="*/ 200417 h 498536"/>
              <a:gd name="connsiteX8" fmla="*/ 27161 w 247619"/>
              <a:gd name="connsiteY8" fmla="*/ 217953 h 498536"/>
              <a:gd name="connsiteX9" fmla="*/ 12130 w 247619"/>
              <a:gd name="connsiteY9" fmla="*/ 255531 h 498536"/>
              <a:gd name="connsiteX10" fmla="*/ 27161 w 247619"/>
              <a:gd name="connsiteY10" fmla="*/ 280583 h 498536"/>
              <a:gd name="connsiteX11" fmla="*/ 12130 w 247619"/>
              <a:gd name="connsiteY11" fmla="*/ 308140 h 498536"/>
              <a:gd name="connsiteX12" fmla="*/ 0 w 247619"/>
              <a:gd name="connsiteY12" fmla="*/ 340585 h 498536"/>
              <a:gd name="connsiteX13" fmla="*/ 32172 w 247619"/>
              <a:gd name="connsiteY13" fmla="*/ 413359 h 498536"/>
              <a:gd name="connsiteX14" fmla="*/ 37182 w 247619"/>
              <a:gd name="connsiteY14" fmla="*/ 470979 h 498536"/>
              <a:gd name="connsiteX15" fmla="*/ 54719 w 247619"/>
              <a:gd name="connsiteY15" fmla="*/ 498536 h 498536"/>
              <a:gd name="connsiteX16" fmla="*/ 182484 w 247619"/>
              <a:gd name="connsiteY16" fmla="*/ 453442 h 498536"/>
              <a:gd name="connsiteX17" fmla="*/ 217557 w 247619"/>
              <a:gd name="connsiteY17" fmla="*/ 433401 h 498536"/>
              <a:gd name="connsiteX18" fmla="*/ 247619 w 247619"/>
              <a:gd name="connsiteY18" fmla="*/ 388307 h 498536"/>
              <a:gd name="connsiteX19" fmla="*/ 240104 w 247619"/>
              <a:gd name="connsiteY19" fmla="*/ 348224 h 498536"/>
              <a:gd name="connsiteX20" fmla="*/ 205031 w 247619"/>
              <a:gd name="connsiteY20" fmla="*/ 310646 h 498536"/>
              <a:gd name="connsiteX21" fmla="*/ 195010 w 247619"/>
              <a:gd name="connsiteY21" fmla="*/ 280583 h 498536"/>
              <a:gd name="connsiteX22" fmla="*/ 52213 w 247619"/>
              <a:gd name="connsiteY22" fmla="*/ 0 h 498536"/>
              <a:gd name="connsiteX0" fmla="*/ 52213 w 247619"/>
              <a:gd name="connsiteY0" fmla="*/ 0 h 498536"/>
              <a:gd name="connsiteX1" fmla="*/ 24656 w 247619"/>
              <a:gd name="connsiteY1" fmla="*/ 25052 h 498536"/>
              <a:gd name="connsiteX2" fmla="*/ 34677 w 247619"/>
              <a:gd name="connsiteY2" fmla="*/ 95198 h 498536"/>
              <a:gd name="connsiteX3" fmla="*/ 52213 w 247619"/>
              <a:gd name="connsiteY3" fmla="*/ 120250 h 498536"/>
              <a:gd name="connsiteX4" fmla="*/ 54719 w 247619"/>
              <a:gd name="connsiteY4" fmla="*/ 130271 h 498536"/>
              <a:gd name="connsiteX5" fmla="*/ 54719 w 247619"/>
              <a:gd name="connsiteY5" fmla="*/ 142797 h 498536"/>
              <a:gd name="connsiteX6" fmla="*/ 24656 w 247619"/>
              <a:gd name="connsiteY6" fmla="*/ 187891 h 498536"/>
              <a:gd name="connsiteX7" fmla="*/ 24656 w 247619"/>
              <a:gd name="connsiteY7" fmla="*/ 200417 h 498536"/>
              <a:gd name="connsiteX8" fmla="*/ 27161 w 247619"/>
              <a:gd name="connsiteY8" fmla="*/ 217953 h 498536"/>
              <a:gd name="connsiteX9" fmla="*/ 12130 w 247619"/>
              <a:gd name="connsiteY9" fmla="*/ 255531 h 498536"/>
              <a:gd name="connsiteX10" fmla="*/ 27161 w 247619"/>
              <a:gd name="connsiteY10" fmla="*/ 280583 h 498536"/>
              <a:gd name="connsiteX11" fmla="*/ 12130 w 247619"/>
              <a:gd name="connsiteY11" fmla="*/ 308140 h 498536"/>
              <a:gd name="connsiteX12" fmla="*/ 0 w 247619"/>
              <a:gd name="connsiteY12" fmla="*/ 340585 h 498536"/>
              <a:gd name="connsiteX13" fmla="*/ 25053 w 247619"/>
              <a:gd name="connsiteY13" fmla="*/ 413359 h 498536"/>
              <a:gd name="connsiteX14" fmla="*/ 37182 w 247619"/>
              <a:gd name="connsiteY14" fmla="*/ 470979 h 498536"/>
              <a:gd name="connsiteX15" fmla="*/ 54719 w 247619"/>
              <a:gd name="connsiteY15" fmla="*/ 498536 h 498536"/>
              <a:gd name="connsiteX16" fmla="*/ 182484 w 247619"/>
              <a:gd name="connsiteY16" fmla="*/ 453442 h 498536"/>
              <a:gd name="connsiteX17" fmla="*/ 217557 w 247619"/>
              <a:gd name="connsiteY17" fmla="*/ 433401 h 498536"/>
              <a:gd name="connsiteX18" fmla="*/ 247619 w 247619"/>
              <a:gd name="connsiteY18" fmla="*/ 388307 h 498536"/>
              <a:gd name="connsiteX19" fmla="*/ 240104 w 247619"/>
              <a:gd name="connsiteY19" fmla="*/ 348224 h 498536"/>
              <a:gd name="connsiteX20" fmla="*/ 205031 w 247619"/>
              <a:gd name="connsiteY20" fmla="*/ 310646 h 498536"/>
              <a:gd name="connsiteX21" fmla="*/ 195010 w 247619"/>
              <a:gd name="connsiteY21" fmla="*/ 280583 h 498536"/>
              <a:gd name="connsiteX22" fmla="*/ 52213 w 247619"/>
              <a:gd name="connsiteY22" fmla="*/ 0 h 498536"/>
              <a:gd name="connsiteX0" fmla="*/ 52213 w 247619"/>
              <a:gd name="connsiteY0" fmla="*/ 0 h 512826"/>
              <a:gd name="connsiteX1" fmla="*/ 24656 w 247619"/>
              <a:gd name="connsiteY1" fmla="*/ 25052 h 512826"/>
              <a:gd name="connsiteX2" fmla="*/ 34677 w 247619"/>
              <a:gd name="connsiteY2" fmla="*/ 95198 h 512826"/>
              <a:gd name="connsiteX3" fmla="*/ 52213 w 247619"/>
              <a:gd name="connsiteY3" fmla="*/ 120250 h 512826"/>
              <a:gd name="connsiteX4" fmla="*/ 54719 w 247619"/>
              <a:gd name="connsiteY4" fmla="*/ 130271 h 512826"/>
              <a:gd name="connsiteX5" fmla="*/ 54719 w 247619"/>
              <a:gd name="connsiteY5" fmla="*/ 142797 h 512826"/>
              <a:gd name="connsiteX6" fmla="*/ 24656 w 247619"/>
              <a:gd name="connsiteY6" fmla="*/ 187891 h 512826"/>
              <a:gd name="connsiteX7" fmla="*/ 24656 w 247619"/>
              <a:gd name="connsiteY7" fmla="*/ 200417 h 512826"/>
              <a:gd name="connsiteX8" fmla="*/ 27161 w 247619"/>
              <a:gd name="connsiteY8" fmla="*/ 217953 h 512826"/>
              <a:gd name="connsiteX9" fmla="*/ 12130 w 247619"/>
              <a:gd name="connsiteY9" fmla="*/ 255531 h 512826"/>
              <a:gd name="connsiteX10" fmla="*/ 27161 w 247619"/>
              <a:gd name="connsiteY10" fmla="*/ 280583 h 512826"/>
              <a:gd name="connsiteX11" fmla="*/ 12130 w 247619"/>
              <a:gd name="connsiteY11" fmla="*/ 308140 h 512826"/>
              <a:gd name="connsiteX12" fmla="*/ 0 w 247619"/>
              <a:gd name="connsiteY12" fmla="*/ 340585 h 512826"/>
              <a:gd name="connsiteX13" fmla="*/ 25053 w 247619"/>
              <a:gd name="connsiteY13" fmla="*/ 413359 h 512826"/>
              <a:gd name="connsiteX14" fmla="*/ 37182 w 247619"/>
              <a:gd name="connsiteY14" fmla="*/ 470979 h 512826"/>
              <a:gd name="connsiteX15" fmla="*/ 54719 w 247619"/>
              <a:gd name="connsiteY15" fmla="*/ 512826 h 512826"/>
              <a:gd name="connsiteX16" fmla="*/ 182484 w 247619"/>
              <a:gd name="connsiteY16" fmla="*/ 453442 h 512826"/>
              <a:gd name="connsiteX17" fmla="*/ 217557 w 247619"/>
              <a:gd name="connsiteY17" fmla="*/ 433401 h 512826"/>
              <a:gd name="connsiteX18" fmla="*/ 247619 w 247619"/>
              <a:gd name="connsiteY18" fmla="*/ 388307 h 512826"/>
              <a:gd name="connsiteX19" fmla="*/ 240104 w 247619"/>
              <a:gd name="connsiteY19" fmla="*/ 348224 h 512826"/>
              <a:gd name="connsiteX20" fmla="*/ 205031 w 247619"/>
              <a:gd name="connsiteY20" fmla="*/ 310646 h 512826"/>
              <a:gd name="connsiteX21" fmla="*/ 195010 w 247619"/>
              <a:gd name="connsiteY21" fmla="*/ 280583 h 512826"/>
              <a:gd name="connsiteX22" fmla="*/ 52213 w 247619"/>
              <a:gd name="connsiteY22" fmla="*/ 0 h 512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247619" h="512826">
                <a:moveTo>
                  <a:pt x="52213" y="0"/>
                </a:moveTo>
                <a:lnTo>
                  <a:pt x="24656" y="25052"/>
                </a:lnTo>
                <a:lnTo>
                  <a:pt x="34677" y="95198"/>
                </a:lnTo>
                <a:lnTo>
                  <a:pt x="52213" y="120250"/>
                </a:lnTo>
                <a:lnTo>
                  <a:pt x="54719" y="130271"/>
                </a:lnTo>
                <a:lnTo>
                  <a:pt x="54719" y="142797"/>
                </a:lnTo>
                <a:lnTo>
                  <a:pt x="24656" y="187891"/>
                </a:lnTo>
                <a:lnTo>
                  <a:pt x="24656" y="200417"/>
                </a:lnTo>
                <a:lnTo>
                  <a:pt x="27161" y="217953"/>
                </a:lnTo>
                <a:lnTo>
                  <a:pt x="12130" y="255531"/>
                </a:lnTo>
                <a:lnTo>
                  <a:pt x="27161" y="280583"/>
                </a:lnTo>
                <a:lnTo>
                  <a:pt x="12130" y="308140"/>
                </a:lnTo>
                <a:lnTo>
                  <a:pt x="0" y="340585"/>
                </a:lnTo>
                <a:lnTo>
                  <a:pt x="25053" y="413359"/>
                </a:lnTo>
                <a:lnTo>
                  <a:pt x="37182" y="470979"/>
                </a:lnTo>
                <a:lnTo>
                  <a:pt x="54719" y="512826"/>
                </a:lnTo>
                <a:lnTo>
                  <a:pt x="182484" y="453442"/>
                </a:lnTo>
                <a:lnTo>
                  <a:pt x="217557" y="433401"/>
                </a:lnTo>
                <a:lnTo>
                  <a:pt x="247619" y="388307"/>
                </a:lnTo>
                <a:lnTo>
                  <a:pt x="240104" y="348224"/>
                </a:lnTo>
                <a:lnTo>
                  <a:pt x="205031" y="310646"/>
                </a:lnTo>
                <a:lnTo>
                  <a:pt x="195010" y="280583"/>
                </a:lnTo>
                <a:lnTo>
                  <a:pt x="52213" y="0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0" name="Freeform 59"/>
          <p:cNvSpPr/>
          <p:nvPr userDrawn="1"/>
        </p:nvSpPr>
        <p:spPr>
          <a:xfrm rot="171972">
            <a:off x="7748550" y="1729033"/>
            <a:ext cx="273050" cy="490538"/>
          </a:xfrm>
          <a:custGeom>
            <a:avLst/>
            <a:gdLst>
              <a:gd name="connsiteX0" fmla="*/ 0 w 273068"/>
              <a:gd name="connsiteY0" fmla="*/ 92692 h 491020"/>
              <a:gd name="connsiteX1" fmla="*/ 32568 w 273068"/>
              <a:gd name="connsiteY1" fmla="*/ 147807 h 491020"/>
              <a:gd name="connsiteX2" fmla="*/ 50105 w 273068"/>
              <a:gd name="connsiteY2" fmla="*/ 215447 h 491020"/>
              <a:gd name="connsiteX3" fmla="*/ 75157 w 273068"/>
              <a:gd name="connsiteY3" fmla="*/ 270562 h 491020"/>
              <a:gd name="connsiteX4" fmla="*/ 102714 w 273068"/>
              <a:gd name="connsiteY4" fmla="*/ 303130 h 491020"/>
              <a:gd name="connsiteX5" fmla="*/ 127766 w 273068"/>
              <a:gd name="connsiteY5" fmla="*/ 373275 h 491020"/>
              <a:gd name="connsiteX6" fmla="*/ 157828 w 273068"/>
              <a:gd name="connsiteY6" fmla="*/ 491020 h 491020"/>
              <a:gd name="connsiteX7" fmla="*/ 270563 w 273068"/>
              <a:gd name="connsiteY7" fmla="*/ 465968 h 491020"/>
              <a:gd name="connsiteX8" fmla="*/ 255531 w 273068"/>
              <a:gd name="connsiteY8" fmla="*/ 428390 h 491020"/>
              <a:gd name="connsiteX9" fmla="*/ 248016 w 273068"/>
              <a:gd name="connsiteY9" fmla="*/ 390812 h 491020"/>
              <a:gd name="connsiteX10" fmla="*/ 217953 w 273068"/>
              <a:gd name="connsiteY10" fmla="*/ 293109 h 491020"/>
              <a:gd name="connsiteX11" fmla="*/ 245511 w 273068"/>
              <a:gd name="connsiteY11" fmla="*/ 232984 h 491020"/>
              <a:gd name="connsiteX12" fmla="*/ 230479 w 273068"/>
              <a:gd name="connsiteY12" fmla="*/ 215447 h 491020"/>
              <a:gd name="connsiteX13" fmla="*/ 245511 w 273068"/>
              <a:gd name="connsiteY13" fmla="*/ 182880 h 491020"/>
              <a:gd name="connsiteX14" fmla="*/ 245511 w 273068"/>
              <a:gd name="connsiteY14" fmla="*/ 137786 h 491020"/>
              <a:gd name="connsiteX15" fmla="*/ 273068 w 273068"/>
              <a:gd name="connsiteY15" fmla="*/ 97703 h 491020"/>
              <a:gd name="connsiteX16" fmla="*/ 255531 w 273068"/>
              <a:gd name="connsiteY16" fmla="*/ 60125 h 491020"/>
              <a:gd name="connsiteX17" fmla="*/ 245511 w 273068"/>
              <a:gd name="connsiteY17" fmla="*/ 0 h 491020"/>
              <a:gd name="connsiteX18" fmla="*/ 205427 w 273068"/>
              <a:gd name="connsiteY18" fmla="*/ 17536 h 491020"/>
              <a:gd name="connsiteX19" fmla="*/ 0 w 273068"/>
              <a:gd name="connsiteY19" fmla="*/ 92692 h 491020"/>
              <a:gd name="connsiteX0" fmla="*/ 0 w 273068"/>
              <a:gd name="connsiteY0" fmla="*/ 92692 h 491020"/>
              <a:gd name="connsiteX1" fmla="*/ 50105 w 273068"/>
              <a:gd name="connsiteY1" fmla="*/ 215447 h 491020"/>
              <a:gd name="connsiteX2" fmla="*/ 75157 w 273068"/>
              <a:gd name="connsiteY2" fmla="*/ 270562 h 491020"/>
              <a:gd name="connsiteX3" fmla="*/ 102714 w 273068"/>
              <a:gd name="connsiteY3" fmla="*/ 303130 h 491020"/>
              <a:gd name="connsiteX4" fmla="*/ 127766 w 273068"/>
              <a:gd name="connsiteY4" fmla="*/ 373275 h 491020"/>
              <a:gd name="connsiteX5" fmla="*/ 157828 w 273068"/>
              <a:gd name="connsiteY5" fmla="*/ 491020 h 491020"/>
              <a:gd name="connsiteX6" fmla="*/ 270563 w 273068"/>
              <a:gd name="connsiteY6" fmla="*/ 465968 h 491020"/>
              <a:gd name="connsiteX7" fmla="*/ 255531 w 273068"/>
              <a:gd name="connsiteY7" fmla="*/ 428390 h 491020"/>
              <a:gd name="connsiteX8" fmla="*/ 248016 w 273068"/>
              <a:gd name="connsiteY8" fmla="*/ 390812 h 491020"/>
              <a:gd name="connsiteX9" fmla="*/ 217953 w 273068"/>
              <a:gd name="connsiteY9" fmla="*/ 293109 h 491020"/>
              <a:gd name="connsiteX10" fmla="*/ 245511 w 273068"/>
              <a:gd name="connsiteY10" fmla="*/ 232984 h 491020"/>
              <a:gd name="connsiteX11" fmla="*/ 230479 w 273068"/>
              <a:gd name="connsiteY11" fmla="*/ 215447 h 491020"/>
              <a:gd name="connsiteX12" fmla="*/ 245511 w 273068"/>
              <a:gd name="connsiteY12" fmla="*/ 182880 h 491020"/>
              <a:gd name="connsiteX13" fmla="*/ 245511 w 273068"/>
              <a:gd name="connsiteY13" fmla="*/ 137786 h 491020"/>
              <a:gd name="connsiteX14" fmla="*/ 273068 w 273068"/>
              <a:gd name="connsiteY14" fmla="*/ 97703 h 491020"/>
              <a:gd name="connsiteX15" fmla="*/ 255531 w 273068"/>
              <a:gd name="connsiteY15" fmla="*/ 60125 h 491020"/>
              <a:gd name="connsiteX16" fmla="*/ 245511 w 273068"/>
              <a:gd name="connsiteY16" fmla="*/ 0 h 491020"/>
              <a:gd name="connsiteX17" fmla="*/ 205427 w 273068"/>
              <a:gd name="connsiteY17" fmla="*/ 17536 h 491020"/>
              <a:gd name="connsiteX18" fmla="*/ 0 w 273068"/>
              <a:gd name="connsiteY18" fmla="*/ 92692 h 491020"/>
              <a:gd name="connsiteX0" fmla="*/ 0 w 273068"/>
              <a:gd name="connsiteY0" fmla="*/ 92692 h 491020"/>
              <a:gd name="connsiteX1" fmla="*/ 50105 w 273068"/>
              <a:gd name="connsiteY1" fmla="*/ 215447 h 491020"/>
              <a:gd name="connsiteX2" fmla="*/ 65631 w 273068"/>
              <a:gd name="connsiteY2" fmla="*/ 268177 h 491020"/>
              <a:gd name="connsiteX3" fmla="*/ 102714 w 273068"/>
              <a:gd name="connsiteY3" fmla="*/ 303130 h 491020"/>
              <a:gd name="connsiteX4" fmla="*/ 127766 w 273068"/>
              <a:gd name="connsiteY4" fmla="*/ 373275 h 491020"/>
              <a:gd name="connsiteX5" fmla="*/ 157828 w 273068"/>
              <a:gd name="connsiteY5" fmla="*/ 491020 h 491020"/>
              <a:gd name="connsiteX6" fmla="*/ 270563 w 273068"/>
              <a:gd name="connsiteY6" fmla="*/ 465968 h 491020"/>
              <a:gd name="connsiteX7" fmla="*/ 255531 w 273068"/>
              <a:gd name="connsiteY7" fmla="*/ 428390 h 491020"/>
              <a:gd name="connsiteX8" fmla="*/ 248016 w 273068"/>
              <a:gd name="connsiteY8" fmla="*/ 390812 h 491020"/>
              <a:gd name="connsiteX9" fmla="*/ 217953 w 273068"/>
              <a:gd name="connsiteY9" fmla="*/ 293109 h 491020"/>
              <a:gd name="connsiteX10" fmla="*/ 245511 w 273068"/>
              <a:gd name="connsiteY10" fmla="*/ 232984 h 491020"/>
              <a:gd name="connsiteX11" fmla="*/ 230479 w 273068"/>
              <a:gd name="connsiteY11" fmla="*/ 215447 h 491020"/>
              <a:gd name="connsiteX12" fmla="*/ 245511 w 273068"/>
              <a:gd name="connsiteY12" fmla="*/ 182880 h 491020"/>
              <a:gd name="connsiteX13" fmla="*/ 245511 w 273068"/>
              <a:gd name="connsiteY13" fmla="*/ 137786 h 491020"/>
              <a:gd name="connsiteX14" fmla="*/ 273068 w 273068"/>
              <a:gd name="connsiteY14" fmla="*/ 97703 h 491020"/>
              <a:gd name="connsiteX15" fmla="*/ 255531 w 273068"/>
              <a:gd name="connsiteY15" fmla="*/ 60125 h 491020"/>
              <a:gd name="connsiteX16" fmla="*/ 245511 w 273068"/>
              <a:gd name="connsiteY16" fmla="*/ 0 h 491020"/>
              <a:gd name="connsiteX17" fmla="*/ 205427 w 273068"/>
              <a:gd name="connsiteY17" fmla="*/ 17536 h 491020"/>
              <a:gd name="connsiteX18" fmla="*/ 0 w 273068"/>
              <a:gd name="connsiteY18" fmla="*/ 92692 h 4910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273068" h="491020">
                <a:moveTo>
                  <a:pt x="0" y="92692"/>
                </a:moveTo>
                <a:lnTo>
                  <a:pt x="50105" y="215447"/>
                </a:lnTo>
                <a:lnTo>
                  <a:pt x="65631" y="268177"/>
                </a:lnTo>
                <a:lnTo>
                  <a:pt x="102714" y="303130"/>
                </a:lnTo>
                <a:lnTo>
                  <a:pt x="127766" y="373275"/>
                </a:lnTo>
                <a:lnTo>
                  <a:pt x="157828" y="491020"/>
                </a:lnTo>
                <a:lnTo>
                  <a:pt x="270563" y="465968"/>
                </a:lnTo>
                <a:lnTo>
                  <a:pt x="255531" y="428390"/>
                </a:lnTo>
                <a:lnTo>
                  <a:pt x="248016" y="390812"/>
                </a:lnTo>
                <a:lnTo>
                  <a:pt x="217953" y="293109"/>
                </a:lnTo>
                <a:lnTo>
                  <a:pt x="245511" y="232984"/>
                </a:lnTo>
                <a:lnTo>
                  <a:pt x="230479" y="215447"/>
                </a:lnTo>
                <a:lnTo>
                  <a:pt x="245511" y="182880"/>
                </a:lnTo>
                <a:lnTo>
                  <a:pt x="245511" y="137786"/>
                </a:lnTo>
                <a:lnTo>
                  <a:pt x="273068" y="97703"/>
                </a:lnTo>
                <a:lnTo>
                  <a:pt x="255531" y="60125"/>
                </a:lnTo>
                <a:lnTo>
                  <a:pt x="245511" y="0"/>
                </a:lnTo>
                <a:lnTo>
                  <a:pt x="205427" y="17536"/>
                </a:lnTo>
                <a:lnTo>
                  <a:pt x="0" y="92692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1" name="Freeform 60"/>
          <p:cNvSpPr/>
          <p:nvPr userDrawn="1"/>
        </p:nvSpPr>
        <p:spPr>
          <a:xfrm rot="171972">
            <a:off x="7896148" y="2070277"/>
            <a:ext cx="522287" cy="290512"/>
          </a:xfrm>
          <a:custGeom>
            <a:avLst/>
            <a:gdLst>
              <a:gd name="connsiteX0" fmla="*/ 0 w 523588"/>
              <a:gd name="connsiteY0" fmla="*/ 137787 h 290604"/>
              <a:gd name="connsiteX1" fmla="*/ 5010 w 523588"/>
              <a:gd name="connsiteY1" fmla="*/ 217953 h 290604"/>
              <a:gd name="connsiteX2" fmla="*/ 17536 w 523588"/>
              <a:gd name="connsiteY2" fmla="*/ 250521 h 290604"/>
              <a:gd name="connsiteX3" fmla="*/ 20041 w 523588"/>
              <a:gd name="connsiteY3" fmla="*/ 290604 h 290604"/>
              <a:gd name="connsiteX4" fmla="*/ 303129 w 523588"/>
              <a:gd name="connsiteY4" fmla="*/ 170354 h 290604"/>
              <a:gd name="connsiteX5" fmla="*/ 360749 w 523588"/>
              <a:gd name="connsiteY5" fmla="*/ 237995 h 290604"/>
              <a:gd name="connsiteX6" fmla="*/ 383296 w 523588"/>
              <a:gd name="connsiteY6" fmla="*/ 253026 h 290604"/>
              <a:gd name="connsiteX7" fmla="*/ 383296 w 523588"/>
              <a:gd name="connsiteY7" fmla="*/ 253026 h 290604"/>
              <a:gd name="connsiteX8" fmla="*/ 403338 w 523588"/>
              <a:gd name="connsiteY8" fmla="*/ 210437 h 290604"/>
              <a:gd name="connsiteX9" fmla="*/ 408348 w 523588"/>
              <a:gd name="connsiteY9" fmla="*/ 190396 h 290604"/>
              <a:gd name="connsiteX10" fmla="*/ 428390 w 523588"/>
              <a:gd name="connsiteY10" fmla="*/ 195406 h 290604"/>
              <a:gd name="connsiteX11" fmla="*/ 455947 w 523588"/>
              <a:gd name="connsiteY11" fmla="*/ 202922 h 290604"/>
              <a:gd name="connsiteX12" fmla="*/ 470978 w 523588"/>
              <a:gd name="connsiteY12" fmla="*/ 190396 h 290604"/>
              <a:gd name="connsiteX13" fmla="*/ 478494 w 523588"/>
              <a:gd name="connsiteY13" fmla="*/ 177870 h 290604"/>
              <a:gd name="connsiteX14" fmla="*/ 523588 w 523588"/>
              <a:gd name="connsiteY14" fmla="*/ 140292 h 290604"/>
              <a:gd name="connsiteX15" fmla="*/ 523588 w 523588"/>
              <a:gd name="connsiteY15" fmla="*/ 115240 h 290604"/>
              <a:gd name="connsiteX16" fmla="*/ 503546 w 523588"/>
              <a:gd name="connsiteY16" fmla="*/ 97703 h 290604"/>
              <a:gd name="connsiteX17" fmla="*/ 478494 w 523588"/>
              <a:gd name="connsiteY17" fmla="*/ 87682 h 290604"/>
              <a:gd name="connsiteX18" fmla="*/ 455947 w 523588"/>
              <a:gd name="connsiteY18" fmla="*/ 87682 h 290604"/>
              <a:gd name="connsiteX19" fmla="*/ 465968 w 523588"/>
              <a:gd name="connsiteY19" fmla="*/ 102714 h 290604"/>
              <a:gd name="connsiteX20" fmla="*/ 480999 w 523588"/>
              <a:gd name="connsiteY20" fmla="*/ 120250 h 290604"/>
              <a:gd name="connsiteX21" fmla="*/ 488515 w 523588"/>
              <a:gd name="connsiteY21" fmla="*/ 130271 h 290604"/>
              <a:gd name="connsiteX22" fmla="*/ 478494 w 523588"/>
              <a:gd name="connsiteY22" fmla="*/ 162839 h 290604"/>
              <a:gd name="connsiteX23" fmla="*/ 445926 w 523588"/>
              <a:gd name="connsiteY23" fmla="*/ 170354 h 290604"/>
              <a:gd name="connsiteX24" fmla="*/ 425885 w 523588"/>
              <a:gd name="connsiteY24" fmla="*/ 160333 h 290604"/>
              <a:gd name="connsiteX25" fmla="*/ 408348 w 523588"/>
              <a:gd name="connsiteY25" fmla="*/ 137787 h 290604"/>
              <a:gd name="connsiteX26" fmla="*/ 395822 w 523588"/>
              <a:gd name="connsiteY26" fmla="*/ 117745 h 290604"/>
              <a:gd name="connsiteX27" fmla="*/ 340708 w 523588"/>
              <a:gd name="connsiteY27" fmla="*/ 75156 h 290604"/>
              <a:gd name="connsiteX28" fmla="*/ 343213 w 523588"/>
              <a:gd name="connsiteY28" fmla="*/ 45094 h 290604"/>
              <a:gd name="connsiteX29" fmla="*/ 335697 w 523588"/>
              <a:gd name="connsiteY29" fmla="*/ 22547 h 290604"/>
              <a:gd name="connsiteX30" fmla="*/ 303129 w 523588"/>
              <a:gd name="connsiteY30" fmla="*/ 0 h 290604"/>
              <a:gd name="connsiteX31" fmla="*/ 270562 w 523588"/>
              <a:gd name="connsiteY31" fmla="*/ 37578 h 290604"/>
              <a:gd name="connsiteX32" fmla="*/ 250520 w 523588"/>
              <a:gd name="connsiteY32" fmla="*/ 62630 h 290604"/>
              <a:gd name="connsiteX33" fmla="*/ 115239 w 523588"/>
              <a:gd name="connsiteY33" fmla="*/ 110229 h 290604"/>
              <a:gd name="connsiteX34" fmla="*/ 115239 w 523588"/>
              <a:gd name="connsiteY34" fmla="*/ 122755 h 290604"/>
              <a:gd name="connsiteX35" fmla="*/ 0 w 523588"/>
              <a:gd name="connsiteY35" fmla="*/ 137787 h 290604"/>
              <a:gd name="connsiteX0" fmla="*/ 0 w 523588"/>
              <a:gd name="connsiteY0" fmla="*/ 137787 h 290604"/>
              <a:gd name="connsiteX1" fmla="*/ 5010 w 523588"/>
              <a:gd name="connsiteY1" fmla="*/ 217953 h 290604"/>
              <a:gd name="connsiteX2" fmla="*/ 17536 w 523588"/>
              <a:gd name="connsiteY2" fmla="*/ 250521 h 290604"/>
              <a:gd name="connsiteX3" fmla="*/ 20041 w 523588"/>
              <a:gd name="connsiteY3" fmla="*/ 290604 h 290604"/>
              <a:gd name="connsiteX4" fmla="*/ 303129 w 523588"/>
              <a:gd name="connsiteY4" fmla="*/ 170354 h 290604"/>
              <a:gd name="connsiteX5" fmla="*/ 360749 w 523588"/>
              <a:gd name="connsiteY5" fmla="*/ 237995 h 290604"/>
              <a:gd name="connsiteX6" fmla="*/ 383296 w 523588"/>
              <a:gd name="connsiteY6" fmla="*/ 253026 h 290604"/>
              <a:gd name="connsiteX7" fmla="*/ 383296 w 523588"/>
              <a:gd name="connsiteY7" fmla="*/ 253026 h 290604"/>
              <a:gd name="connsiteX8" fmla="*/ 403338 w 523588"/>
              <a:gd name="connsiteY8" fmla="*/ 210437 h 290604"/>
              <a:gd name="connsiteX9" fmla="*/ 408348 w 523588"/>
              <a:gd name="connsiteY9" fmla="*/ 190396 h 290604"/>
              <a:gd name="connsiteX10" fmla="*/ 428390 w 523588"/>
              <a:gd name="connsiteY10" fmla="*/ 195406 h 290604"/>
              <a:gd name="connsiteX11" fmla="*/ 455947 w 523588"/>
              <a:gd name="connsiteY11" fmla="*/ 202922 h 290604"/>
              <a:gd name="connsiteX12" fmla="*/ 470978 w 523588"/>
              <a:gd name="connsiteY12" fmla="*/ 190396 h 290604"/>
              <a:gd name="connsiteX13" fmla="*/ 478494 w 523588"/>
              <a:gd name="connsiteY13" fmla="*/ 177870 h 290604"/>
              <a:gd name="connsiteX14" fmla="*/ 523588 w 523588"/>
              <a:gd name="connsiteY14" fmla="*/ 140292 h 290604"/>
              <a:gd name="connsiteX15" fmla="*/ 523588 w 523588"/>
              <a:gd name="connsiteY15" fmla="*/ 115240 h 290604"/>
              <a:gd name="connsiteX16" fmla="*/ 503546 w 523588"/>
              <a:gd name="connsiteY16" fmla="*/ 97703 h 290604"/>
              <a:gd name="connsiteX17" fmla="*/ 478494 w 523588"/>
              <a:gd name="connsiteY17" fmla="*/ 87682 h 290604"/>
              <a:gd name="connsiteX18" fmla="*/ 455947 w 523588"/>
              <a:gd name="connsiteY18" fmla="*/ 87682 h 290604"/>
              <a:gd name="connsiteX19" fmla="*/ 465968 w 523588"/>
              <a:gd name="connsiteY19" fmla="*/ 102714 h 290604"/>
              <a:gd name="connsiteX20" fmla="*/ 480999 w 523588"/>
              <a:gd name="connsiteY20" fmla="*/ 120250 h 290604"/>
              <a:gd name="connsiteX21" fmla="*/ 488515 w 523588"/>
              <a:gd name="connsiteY21" fmla="*/ 130271 h 290604"/>
              <a:gd name="connsiteX22" fmla="*/ 478494 w 523588"/>
              <a:gd name="connsiteY22" fmla="*/ 162839 h 290604"/>
              <a:gd name="connsiteX23" fmla="*/ 445926 w 523588"/>
              <a:gd name="connsiteY23" fmla="*/ 170354 h 290604"/>
              <a:gd name="connsiteX24" fmla="*/ 425885 w 523588"/>
              <a:gd name="connsiteY24" fmla="*/ 160333 h 290604"/>
              <a:gd name="connsiteX25" fmla="*/ 408348 w 523588"/>
              <a:gd name="connsiteY25" fmla="*/ 137787 h 290604"/>
              <a:gd name="connsiteX26" fmla="*/ 395822 w 523588"/>
              <a:gd name="connsiteY26" fmla="*/ 117745 h 290604"/>
              <a:gd name="connsiteX27" fmla="*/ 340708 w 523588"/>
              <a:gd name="connsiteY27" fmla="*/ 75156 h 290604"/>
              <a:gd name="connsiteX28" fmla="*/ 343213 w 523588"/>
              <a:gd name="connsiteY28" fmla="*/ 45094 h 290604"/>
              <a:gd name="connsiteX29" fmla="*/ 335697 w 523588"/>
              <a:gd name="connsiteY29" fmla="*/ 22547 h 290604"/>
              <a:gd name="connsiteX30" fmla="*/ 303129 w 523588"/>
              <a:gd name="connsiteY30" fmla="*/ 0 h 290604"/>
              <a:gd name="connsiteX31" fmla="*/ 270562 w 523588"/>
              <a:gd name="connsiteY31" fmla="*/ 37578 h 290604"/>
              <a:gd name="connsiteX32" fmla="*/ 115239 w 523588"/>
              <a:gd name="connsiteY32" fmla="*/ 110229 h 290604"/>
              <a:gd name="connsiteX33" fmla="*/ 115239 w 523588"/>
              <a:gd name="connsiteY33" fmla="*/ 122755 h 290604"/>
              <a:gd name="connsiteX34" fmla="*/ 0 w 523588"/>
              <a:gd name="connsiteY34" fmla="*/ 137787 h 290604"/>
              <a:gd name="connsiteX0" fmla="*/ 0 w 523588"/>
              <a:gd name="connsiteY0" fmla="*/ 137787 h 290604"/>
              <a:gd name="connsiteX1" fmla="*/ 5010 w 523588"/>
              <a:gd name="connsiteY1" fmla="*/ 217953 h 290604"/>
              <a:gd name="connsiteX2" fmla="*/ 17536 w 523588"/>
              <a:gd name="connsiteY2" fmla="*/ 250521 h 290604"/>
              <a:gd name="connsiteX3" fmla="*/ 20041 w 523588"/>
              <a:gd name="connsiteY3" fmla="*/ 290604 h 290604"/>
              <a:gd name="connsiteX4" fmla="*/ 303129 w 523588"/>
              <a:gd name="connsiteY4" fmla="*/ 170354 h 290604"/>
              <a:gd name="connsiteX5" fmla="*/ 360749 w 523588"/>
              <a:gd name="connsiteY5" fmla="*/ 237995 h 290604"/>
              <a:gd name="connsiteX6" fmla="*/ 383296 w 523588"/>
              <a:gd name="connsiteY6" fmla="*/ 253026 h 290604"/>
              <a:gd name="connsiteX7" fmla="*/ 383296 w 523588"/>
              <a:gd name="connsiteY7" fmla="*/ 253026 h 290604"/>
              <a:gd name="connsiteX8" fmla="*/ 403338 w 523588"/>
              <a:gd name="connsiteY8" fmla="*/ 210437 h 290604"/>
              <a:gd name="connsiteX9" fmla="*/ 408348 w 523588"/>
              <a:gd name="connsiteY9" fmla="*/ 190396 h 290604"/>
              <a:gd name="connsiteX10" fmla="*/ 428390 w 523588"/>
              <a:gd name="connsiteY10" fmla="*/ 195406 h 290604"/>
              <a:gd name="connsiteX11" fmla="*/ 455947 w 523588"/>
              <a:gd name="connsiteY11" fmla="*/ 202922 h 290604"/>
              <a:gd name="connsiteX12" fmla="*/ 470978 w 523588"/>
              <a:gd name="connsiteY12" fmla="*/ 190396 h 290604"/>
              <a:gd name="connsiteX13" fmla="*/ 478494 w 523588"/>
              <a:gd name="connsiteY13" fmla="*/ 177870 h 290604"/>
              <a:gd name="connsiteX14" fmla="*/ 523588 w 523588"/>
              <a:gd name="connsiteY14" fmla="*/ 140292 h 290604"/>
              <a:gd name="connsiteX15" fmla="*/ 523588 w 523588"/>
              <a:gd name="connsiteY15" fmla="*/ 115240 h 290604"/>
              <a:gd name="connsiteX16" fmla="*/ 503546 w 523588"/>
              <a:gd name="connsiteY16" fmla="*/ 97703 h 290604"/>
              <a:gd name="connsiteX17" fmla="*/ 478494 w 523588"/>
              <a:gd name="connsiteY17" fmla="*/ 87682 h 290604"/>
              <a:gd name="connsiteX18" fmla="*/ 455947 w 523588"/>
              <a:gd name="connsiteY18" fmla="*/ 87682 h 290604"/>
              <a:gd name="connsiteX19" fmla="*/ 465968 w 523588"/>
              <a:gd name="connsiteY19" fmla="*/ 102714 h 290604"/>
              <a:gd name="connsiteX20" fmla="*/ 480999 w 523588"/>
              <a:gd name="connsiteY20" fmla="*/ 120250 h 290604"/>
              <a:gd name="connsiteX21" fmla="*/ 488515 w 523588"/>
              <a:gd name="connsiteY21" fmla="*/ 130271 h 290604"/>
              <a:gd name="connsiteX22" fmla="*/ 478494 w 523588"/>
              <a:gd name="connsiteY22" fmla="*/ 162839 h 290604"/>
              <a:gd name="connsiteX23" fmla="*/ 445926 w 523588"/>
              <a:gd name="connsiteY23" fmla="*/ 170354 h 290604"/>
              <a:gd name="connsiteX24" fmla="*/ 425885 w 523588"/>
              <a:gd name="connsiteY24" fmla="*/ 160333 h 290604"/>
              <a:gd name="connsiteX25" fmla="*/ 408348 w 523588"/>
              <a:gd name="connsiteY25" fmla="*/ 137787 h 290604"/>
              <a:gd name="connsiteX26" fmla="*/ 395822 w 523588"/>
              <a:gd name="connsiteY26" fmla="*/ 117745 h 290604"/>
              <a:gd name="connsiteX27" fmla="*/ 340708 w 523588"/>
              <a:gd name="connsiteY27" fmla="*/ 75156 h 290604"/>
              <a:gd name="connsiteX28" fmla="*/ 343213 w 523588"/>
              <a:gd name="connsiteY28" fmla="*/ 45094 h 290604"/>
              <a:gd name="connsiteX29" fmla="*/ 335697 w 523588"/>
              <a:gd name="connsiteY29" fmla="*/ 22547 h 290604"/>
              <a:gd name="connsiteX30" fmla="*/ 303129 w 523588"/>
              <a:gd name="connsiteY30" fmla="*/ 0 h 290604"/>
              <a:gd name="connsiteX31" fmla="*/ 270562 w 523588"/>
              <a:gd name="connsiteY31" fmla="*/ 37578 h 290604"/>
              <a:gd name="connsiteX32" fmla="*/ 115239 w 523588"/>
              <a:gd name="connsiteY32" fmla="*/ 110229 h 290604"/>
              <a:gd name="connsiteX33" fmla="*/ 98529 w 523588"/>
              <a:gd name="connsiteY33" fmla="*/ 117990 h 290604"/>
              <a:gd name="connsiteX34" fmla="*/ 0 w 523588"/>
              <a:gd name="connsiteY34" fmla="*/ 137787 h 2906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</a:cxnLst>
            <a:rect l="l" t="t" r="r" b="b"/>
            <a:pathLst>
              <a:path w="523588" h="290604">
                <a:moveTo>
                  <a:pt x="0" y="137787"/>
                </a:moveTo>
                <a:lnTo>
                  <a:pt x="5010" y="217953"/>
                </a:lnTo>
                <a:lnTo>
                  <a:pt x="17536" y="250521"/>
                </a:lnTo>
                <a:lnTo>
                  <a:pt x="20041" y="290604"/>
                </a:lnTo>
                <a:lnTo>
                  <a:pt x="303129" y="170354"/>
                </a:lnTo>
                <a:lnTo>
                  <a:pt x="360749" y="237995"/>
                </a:lnTo>
                <a:lnTo>
                  <a:pt x="383296" y="253026"/>
                </a:lnTo>
                <a:lnTo>
                  <a:pt x="383296" y="253026"/>
                </a:lnTo>
                <a:lnTo>
                  <a:pt x="403338" y="210437"/>
                </a:lnTo>
                <a:lnTo>
                  <a:pt x="408348" y="190396"/>
                </a:lnTo>
                <a:lnTo>
                  <a:pt x="428390" y="195406"/>
                </a:lnTo>
                <a:lnTo>
                  <a:pt x="455947" y="202922"/>
                </a:lnTo>
                <a:lnTo>
                  <a:pt x="470978" y="190396"/>
                </a:lnTo>
                <a:lnTo>
                  <a:pt x="478494" y="177870"/>
                </a:lnTo>
                <a:lnTo>
                  <a:pt x="523588" y="140292"/>
                </a:lnTo>
                <a:lnTo>
                  <a:pt x="523588" y="115240"/>
                </a:lnTo>
                <a:lnTo>
                  <a:pt x="503546" y="97703"/>
                </a:lnTo>
                <a:lnTo>
                  <a:pt x="478494" y="87682"/>
                </a:lnTo>
                <a:lnTo>
                  <a:pt x="455947" y="87682"/>
                </a:lnTo>
                <a:lnTo>
                  <a:pt x="465968" y="102714"/>
                </a:lnTo>
                <a:lnTo>
                  <a:pt x="480999" y="120250"/>
                </a:lnTo>
                <a:lnTo>
                  <a:pt x="488515" y="130271"/>
                </a:lnTo>
                <a:lnTo>
                  <a:pt x="478494" y="162839"/>
                </a:lnTo>
                <a:lnTo>
                  <a:pt x="445926" y="170354"/>
                </a:lnTo>
                <a:lnTo>
                  <a:pt x="425885" y="160333"/>
                </a:lnTo>
                <a:lnTo>
                  <a:pt x="408348" y="137787"/>
                </a:lnTo>
                <a:lnTo>
                  <a:pt x="395822" y="117745"/>
                </a:lnTo>
                <a:lnTo>
                  <a:pt x="340708" y="75156"/>
                </a:lnTo>
                <a:lnTo>
                  <a:pt x="343213" y="45094"/>
                </a:lnTo>
                <a:lnTo>
                  <a:pt x="335697" y="22547"/>
                </a:lnTo>
                <a:lnTo>
                  <a:pt x="303129" y="0"/>
                </a:lnTo>
                <a:lnTo>
                  <a:pt x="270562" y="37578"/>
                </a:lnTo>
                <a:lnTo>
                  <a:pt x="115239" y="110229"/>
                </a:lnTo>
                <a:lnTo>
                  <a:pt x="98529" y="117990"/>
                </a:lnTo>
                <a:lnTo>
                  <a:pt x="0" y="137787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2" name="Freeform 61"/>
          <p:cNvSpPr/>
          <p:nvPr userDrawn="1"/>
        </p:nvSpPr>
        <p:spPr>
          <a:xfrm rot="171972">
            <a:off x="8140823" y="2261813"/>
            <a:ext cx="80963" cy="131763"/>
          </a:xfrm>
          <a:custGeom>
            <a:avLst/>
            <a:gdLst>
              <a:gd name="connsiteX0" fmla="*/ 0 w 71437"/>
              <a:gd name="connsiteY0" fmla="*/ 21431 h 123825"/>
              <a:gd name="connsiteX1" fmla="*/ 26193 w 71437"/>
              <a:gd name="connsiteY1" fmla="*/ 69056 h 123825"/>
              <a:gd name="connsiteX2" fmla="*/ 23812 w 71437"/>
              <a:gd name="connsiteY2" fmla="*/ 95250 h 123825"/>
              <a:gd name="connsiteX3" fmla="*/ 42862 w 71437"/>
              <a:gd name="connsiteY3" fmla="*/ 123825 h 123825"/>
              <a:gd name="connsiteX4" fmla="*/ 66675 w 71437"/>
              <a:gd name="connsiteY4" fmla="*/ 100013 h 123825"/>
              <a:gd name="connsiteX5" fmla="*/ 71437 w 71437"/>
              <a:gd name="connsiteY5" fmla="*/ 76200 h 123825"/>
              <a:gd name="connsiteX6" fmla="*/ 66675 w 71437"/>
              <a:gd name="connsiteY6" fmla="*/ 57150 h 123825"/>
              <a:gd name="connsiteX7" fmla="*/ 71437 w 71437"/>
              <a:gd name="connsiteY7" fmla="*/ 38100 h 123825"/>
              <a:gd name="connsiteX8" fmla="*/ 50006 w 71437"/>
              <a:gd name="connsiteY8" fmla="*/ 0 h 123825"/>
              <a:gd name="connsiteX9" fmla="*/ 0 w 71437"/>
              <a:gd name="connsiteY9" fmla="*/ 21431 h 123825"/>
              <a:gd name="connsiteX0" fmla="*/ 0 w 71437"/>
              <a:gd name="connsiteY0" fmla="*/ 28575 h 130969"/>
              <a:gd name="connsiteX1" fmla="*/ 26193 w 71437"/>
              <a:gd name="connsiteY1" fmla="*/ 76200 h 130969"/>
              <a:gd name="connsiteX2" fmla="*/ 23812 w 71437"/>
              <a:gd name="connsiteY2" fmla="*/ 102394 h 130969"/>
              <a:gd name="connsiteX3" fmla="*/ 42862 w 71437"/>
              <a:gd name="connsiteY3" fmla="*/ 130969 h 130969"/>
              <a:gd name="connsiteX4" fmla="*/ 66675 w 71437"/>
              <a:gd name="connsiteY4" fmla="*/ 107157 h 130969"/>
              <a:gd name="connsiteX5" fmla="*/ 71437 w 71437"/>
              <a:gd name="connsiteY5" fmla="*/ 83344 h 130969"/>
              <a:gd name="connsiteX6" fmla="*/ 66675 w 71437"/>
              <a:gd name="connsiteY6" fmla="*/ 64294 h 130969"/>
              <a:gd name="connsiteX7" fmla="*/ 71437 w 71437"/>
              <a:gd name="connsiteY7" fmla="*/ 45244 h 130969"/>
              <a:gd name="connsiteX8" fmla="*/ 42862 w 71437"/>
              <a:gd name="connsiteY8" fmla="*/ 0 h 130969"/>
              <a:gd name="connsiteX9" fmla="*/ 0 w 71437"/>
              <a:gd name="connsiteY9" fmla="*/ 28575 h 130969"/>
              <a:gd name="connsiteX0" fmla="*/ 0 w 80962"/>
              <a:gd name="connsiteY0" fmla="*/ 26194 h 130969"/>
              <a:gd name="connsiteX1" fmla="*/ 35718 w 80962"/>
              <a:gd name="connsiteY1" fmla="*/ 76200 h 130969"/>
              <a:gd name="connsiteX2" fmla="*/ 33337 w 80962"/>
              <a:gd name="connsiteY2" fmla="*/ 102394 h 130969"/>
              <a:gd name="connsiteX3" fmla="*/ 52387 w 80962"/>
              <a:gd name="connsiteY3" fmla="*/ 130969 h 130969"/>
              <a:gd name="connsiteX4" fmla="*/ 76200 w 80962"/>
              <a:gd name="connsiteY4" fmla="*/ 107157 h 130969"/>
              <a:gd name="connsiteX5" fmla="*/ 80962 w 80962"/>
              <a:gd name="connsiteY5" fmla="*/ 83344 h 130969"/>
              <a:gd name="connsiteX6" fmla="*/ 76200 w 80962"/>
              <a:gd name="connsiteY6" fmla="*/ 64294 h 130969"/>
              <a:gd name="connsiteX7" fmla="*/ 80962 w 80962"/>
              <a:gd name="connsiteY7" fmla="*/ 45244 h 130969"/>
              <a:gd name="connsiteX8" fmla="*/ 52387 w 80962"/>
              <a:gd name="connsiteY8" fmla="*/ 0 h 130969"/>
              <a:gd name="connsiteX9" fmla="*/ 0 w 80962"/>
              <a:gd name="connsiteY9" fmla="*/ 26194 h 1309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80962" h="130969">
                <a:moveTo>
                  <a:pt x="0" y="26194"/>
                </a:moveTo>
                <a:lnTo>
                  <a:pt x="35718" y="76200"/>
                </a:lnTo>
                <a:lnTo>
                  <a:pt x="33337" y="102394"/>
                </a:lnTo>
                <a:lnTo>
                  <a:pt x="52387" y="130969"/>
                </a:lnTo>
                <a:lnTo>
                  <a:pt x="76200" y="107157"/>
                </a:lnTo>
                <a:lnTo>
                  <a:pt x="80962" y="83344"/>
                </a:lnTo>
                <a:lnTo>
                  <a:pt x="76200" y="64294"/>
                </a:lnTo>
                <a:lnTo>
                  <a:pt x="80962" y="45244"/>
                </a:lnTo>
                <a:lnTo>
                  <a:pt x="52387" y="0"/>
                </a:lnTo>
                <a:lnTo>
                  <a:pt x="0" y="26194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3" name="Freeform 62"/>
          <p:cNvSpPr/>
          <p:nvPr userDrawn="1"/>
        </p:nvSpPr>
        <p:spPr>
          <a:xfrm rot="171972">
            <a:off x="7911471" y="2282268"/>
            <a:ext cx="274638" cy="241300"/>
          </a:xfrm>
          <a:custGeom>
            <a:avLst/>
            <a:gdLst>
              <a:gd name="connsiteX0" fmla="*/ 0 w 273844"/>
              <a:gd name="connsiteY0" fmla="*/ 85725 h 235743"/>
              <a:gd name="connsiteX1" fmla="*/ 11906 w 273844"/>
              <a:gd name="connsiteY1" fmla="*/ 142875 h 235743"/>
              <a:gd name="connsiteX2" fmla="*/ 64294 w 273844"/>
              <a:gd name="connsiteY2" fmla="*/ 235743 h 235743"/>
              <a:gd name="connsiteX3" fmla="*/ 109538 w 273844"/>
              <a:gd name="connsiteY3" fmla="*/ 214312 h 235743"/>
              <a:gd name="connsiteX4" fmla="*/ 121444 w 273844"/>
              <a:gd name="connsiteY4" fmla="*/ 192881 h 235743"/>
              <a:gd name="connsiteX5" fmla="*/ 145256 w 273844"/>
              <a:gd name="connsiteY5" fmla="*/ 164306 h 235743"/>
              <a:gd name="connsiteX6" fmla="*/ 188119 w 273844"/>
              <a:gd name="connsiteY6" fmla="*/ 161925 h 235743"/>
              <a:gd name="connsiteX7" fmla="*/ 207169 w 273844"/>
              <a:gd name="connsiteY7" fmla="*/ 152400 h 235743"/>
              <a:gd name="connsiteX8" fmla="*/ 216694 w 273844"/>
              <a:gd name="connsiteY8" fmla="*/ 126206 h 235743"/>
              <a:gd name="connsiteX9" fmla="*/ 269081 w 273844"/>
              <a:gd name="connsiteY9" fmla="*/ 111918 h 235743"/>
              <a:gd name="connsiteX10" fmla="*/ 273844 w 273844"/>
              <a:gd name="connsiteY10" fmla="*/ 102393 h 235743"/>
              <a:gd name="connsiteX11" fmla="*/ 259556 w 273844"/>
              <a:gd name="connsiteY11" fmla="*/ 69056 h 235743"/>
              <a:gd name="connsiteX12" fmla="*/ 259556 w 273844"/>
              <a:gd name="connsiteY12" fmla="*/ 30956 h 235743"/>
              <a:gd name="connsiteX13" fmla="*/ 223838 w 273844"/>
              <a:gd name="connsiteY13" fmla="*/ 0 h 235743"/>
              <a:gd name="connsiteX14" fmla="*/ 0 w 273844"/>
              <a:gd name="connsiteY14" fmla="*/ 85725 h 235743"/>
              <a:gd name="connsiteX0" fmla="*/ 0 w 273844"/>
              <a:gd name="connsiteY0" fmla="*/ 92893 h 242911"/>
              <a:gd name="connsiteX1" fmla="*/ 11906 w 273844"/>
              <a:gd name="connsiteY1" fmla="*/ 150043 h 242911"/>
              <a:gd name="connsiteX2" fmla="*/ 64294 w 273844"/>
              <a:gd name="connsiteY2" fmla="*/ 242911 h 242911"/>
              <a:gd name="connsiteX3" fmla="*/ 109538 w 273844"/>
              <a:gd name="connsiteY3" fmla="*/ 221480 h 242911"/>
              <a:gd name="connsiteX4" fmla="*/ 121444 w 273844"/>
              <a:gd name="connsiteY4" fmla="*/ 200049 h 242911"/>
              <a:gd name="connsiteX5" fmla="*/ 145256 w 273844"/>
              <a:gd name="connsiteY5" fmla="*/ 171474 h 242911"/>
              <a:gd name="connsiteX6" fmla="*/ 188119 w 273844"/>
              <a:gd name="connsiteY6" fmla="*/ 169093 h 242911"/>
              <a:gd name="connsiteX7" fmla="*/ 207169 w 273844"/>
              <a:gd name="connsiteY7" fmla="*/ 159568 h 242911"/>
              <a:gd name="connsiteX8" fmla="*/ 216694 w 273844"/>
              <a:gd name="connsiteY8" fmla="*/ 133374 h 242911"/>
              <a:gd name="connsiteX9" fmla="*/ 269081 w 273844"/>
              <a:gd name="connsiteY9" fmla="*/ 119086 h 242911"/>
              <a:gd name="connsiteX10" fmla="*/ 273844 w 273844"/>
              <a:gd name="connsiteY10" fmla="*/ 109561 h 242911"/>
              <a:gd name="connsiteX11" fmla="*/ 259556 w 273844"/>
              <a:gd name="connsiteY11" fmla="*/ 76224 h 242911"/>
              <a:gd name="connsiteX12" fmla="*/ 259556 w 273844"/>
              <a:gd name="connsiteY12" fmla="*/ 38124 h 242911"/>
              <a:gd name="connsiteX13" fmla="*/ 219089 w 273844"/>
              <a:gd name="connsiteY13" fmla="*/ 0 h 242911"/>
              <a:gd name="connsiteX14" fmla="*/ 0 w 273844"/>
              <a:gd name="connsiteY14" fmla="*/ 92893 h 242911"/>
              <a:gd name="connsiteX0" fmla="*/ 0 w 273844"/>
              <a:gd name="connsiteY0" fmla="*/ 92893 h 242911"/>
              <a:gd name="connsiteX1" fmla="*/ 2409 w 273844"/>
              <a:gd name="connsiteY1" fmla="*/ 150043 h 242911"/>
              <a:gd name="connsiteX2" fmla="*/ 64294 w 273844"/>
              <a:gd name="connsiteY2" fmla="*/ 242911 h 242911"/>
              <a:gd name="connsiteX3" fmla="*/ 109538 w 273844"/>
              <a:gd name="connsiteY3" fmla="*/ 221480 h 242911"/>
              <a:gd name="connsiteX4" fmla="*/ 121444 w 273844"/>
              <a:gd name="connsiteY4" fmla="*/ 200049 h 242911"/>
              <a:gd name="connsiteX5" fmla="*/ 145256 w 273844"/>
              <a:gd name="connsiteY5" fmla="*/ 171474 h 242911"/>
              <a:gd name="connsiteX6" fmla="*/ 188119 w 273844"/>
              <a:gd name="connsiteY6" fmla="*/ 169093 h 242911"/>
              <a:gd name="connsiteX7" fmla="*/ 207169 w 273844"/>
              <a:gd name="connsiteY7" fmla="*/ 159568 h 242911"/>
              <a:gd name="connsiteX8" fmla="*/ 216694 w 273844"/>
              <a:gd name="connsiteY8" fmla="*/ 133374 h 242911"/>
              <a:gd name="connsiteX9" fmla="*/ 269081 w 273844"/>
              <a:gd name="connsiteY9" fmla="*/ 119086 h 242911"/>
              <a:gd name="connsiteX10" fmla="*/ 273844 w 273844"/>
              <a:gd name="connsiteY10" fmla="*/ 109561 h 242911"/>
              <a:gd name="connsiteX11" fmla="*/ 259556 w 273844"/>
              <a:gd name="connsiteY11" fmla="*/ 76224 h 242911"/>
              <a:gd name="connsiteX12" fmla="*/ 259556 w 273844"/>
              <a:gd name="connsiteY12" fmla="*/ 38124 h 242911"/>
              <a:gd name="connsiteX13" fmla="*/ 219089 w 273844"/>
              <a:gd name="connsiteY13" fmla="*/ 0 h 242911"/>
              <a:gd name="connsiteX14" fmla="*/ 0 w 273844"/>
              <a:gd name="connsiteY14" fmla="*/ 92893 h 2429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273844" h="242911">
                <a:moveTo>
                  <a:pt x="0" y="92893"/>
                </a:moveTo>
                <a:lnTo>
                  <a:pt x="2409" y="150043"/>
                </a:lnTo>
                <a:lnTo>
                  <a:pt x="64294" y="242911"/>
                </a:lnTo>
                <a:lnTo>
                  <a:pt x="109538" y="221480"/>
                </a:lnTo>
                <a:lnTo>
                  <a:pt x="121444" y="200049"/>
                </a:lnTo>
                <a:lnTo>
                  <a:pt x="145256" y="171474"/>
                </a:lnTo>
                <a:lnTo>
                  <a:pt x="188119" y="169093"/>
                </a:lnTo>
                <a:lnTo>
                  <a:pt x="207169" y="159568"/>
                </a:lnTo>
                <a:lnTo>
                  <a:pt x="216694" y="133374"/>
                </a:lnTo>
                <a:lnTo>
                  <a:pt x="269081" y="119086"/>
                </a:lnTo>
                <a:lnTo>
                  <a:pt x="273844" y="109561"/>
                </a:lnTo>
                <a:lnTo>
                  <a:pt x="259556" y="76224"/>
                </a:lnTo>
                <a:lnTo>
                  <a:pt x="259556" y="38124"/>
                </a:lnTo>
                <a:lnTo>
                  <a:pt x="219089" y="0"/>
                </a:lnTo>
                <a:lnTo>
                  <a:pt x="0" y="92893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4" name="Freeform 63"/>
          <p:cNvSpPr/>
          <p:nvPr userDrawn="1"/>
        </p:nvSpPr>
        <p:spPr>
          <a:xfrm rot="171972">
            <a:off x="7721457" y="2540122"/>
            <a:ext cx="219075" cy="457200"/>
          </a:xfrm>
          <a:custGeom>
            <a:avLst/>
            <a:gdLst>
              <a:gd name="connsiteX0" fmla="*/ 21431 w 219075"/>
              <a:gd name="connsiteY0" fmla="*/ 0 h 457200"/>
              <a:gd name="connsiteX1" fmla="*/ 7144 w 219075"/>
              <a:gd name="connsiteY1" fmla="*/ 64294 h 457200"/>
              <a:gd name="connsiteX2" fmla="*/ 0 w 219075"/>
              <a:gd name="connsiteY2" fmla="*/ 97631 h 457200"/>
              <a:gd name="connsiteX3" fmla="*/ 14288 w 219075"/>
              <a:gd name="connsiteY3" fmla="*/ 138113 h 457200"/>
              <a:gd name="connsiteX4" fmla="*/ 16669 w 219075"/>
              <a:gd name="connsiteY4" fmla="*/ 176213 h 457200"/>
              <a:gd name="connsiteX5" fmla="*/ 45244 w 219075"/>
              <a:gd name="connsiteY5" fmla="*/ 185738 h 457200"/>
              <a:gd name="connsiteX6" fmla="*/ 88106 w 219075"/>
              <a:gd name="connsiteY6" fmla="*/ 200025 h 457200"/>
              <a:gd name="connsiteX7" fmla="*/ 90488 w 219075"/>
              <a:gd name="connsiteY7" fmla="*/ 242888 h 457200"/>
              <a:gd name="connsiteX8" fmla="*/ 52388 w 219075"/>
              <a:gd name="connsiteY8" fmla="*/ 302419 h 457200"/>
              <a:gd name="connsiteX9" fmla="*/ 30956 w 219075"/>
              <a:gd name="connsiteY9" fmla="*/ 350044 h 457200"/>
              <a:gd name="connsiteX10" fmla="*/ 42863 w 219075"/>
              <a:gd name="connsiteY10" fmla="*/ 383381 h 457200"/>
              <a:gd name="connsiteX11" fmla="*/ 83344 w 219075"/>
              <a:gd name="connsiteY11" fmla="*/ 400050 h 457200"/>
              <a:gd name="connsiteX12" fmla="*/ 126206 w 219075"/>
              <a:gd name="connsiteY12" fmla="*/ 407194 h 457200"/>
              <a:gd name="connsiteX13" fmla="*/ 130969 w 219075"/>
              <a:gd name="connsiteY13" fmla="*/ 435769 h 457200"/>
              <a:gd name="connsiteX14" fmla="*/ 150019 w 219075"/>
              <a:gd name="connsiteY14" fmla="*/ 457200 h 457200"/>
              <a:gd name="connsiteX15" fmla="*/ 161925 w 219075"/>
              <a:gd name="connsiteY15" fmla="*/ 438150 h 457200"/>
              <a:gd name="connsiteX16" fmla="*/ 166688 w 219075"/>
              <a:gd name="connsiteY16" fmla="*/ 397669 h 457200"/>
              <a:gd name="connsiteX17" fmla="*/ 171450 w 219075"/>
              <a:gd name="connsiteY17" fmla="*/ 383381 h 457200"/>
              <a:gd name="connsiteX18" fmla="*/ 183356 w 219075"/>
              <a:gd name="connsiteY18" fmla="*/ 354806 h 457200"/>
              <a:gd name="connsiteX19" fmla="*/ 185738 w 219075"/>
              <a:gd name="connsiteY19" fmla="*/ 311944 h 457200"/>
              <a:gd name="connsiteX20" fmla="*/ 202406 w 219075"/>
              <a:gd name="connsiteY20" fmla="*/ 283369 h 457200"/>
              <a:gd name="connsiteX21" fmla="*/ 200025 w 219075"/>
              <a:gd name="connsiteY21" fmla="*/ 264319 h 457200"/>
              <a:gd name="connsiteX22" fmla="*/ 216694 w 219075"/>
              <a:gd name="connsiteY22" fmla="*/ 207169 h 457200"/>
              <a:gd name="connsiteX23" fmla="*/ 219075 w 219075"/>
              <a:gd name="connsiteY23" fmla="*/ 169069 h 457200"/>
              <a:gd name="connsiteX24" fmla="*/ 192881 w 219075"/>
              <a:gd name="connsiteY24" fmla="*/ 145256 h 457200"/>
              <a:gd name="connsiteX25" fmla="*/ 171450 w 219075"/>
              <a:gd name="connsiteY25" fmla="*/ 147638 h 457200"/>
              <a:gd name="connsiteX26" fmla="*/ 166688 w 219075"/>
              <a:gd name="connsiteY26" fmla="*/ 138113 h 457200"/>
              <a:gd name="connsiteX27" fmla="*/ 159544 w 219075"/>
              <a:gd name="connsiteY27" fmla="*/ 119063 h 457200"/>
              <a:gd name="connsiteX28" fmla="*/ 171450 w 219075"/>
              <a:gd name="connsiteY28" fmla="*/ 73819 h 457200"/>
              <a:gd name="connsiteX29" fmla="*/ 192881 w 219075"/>
              <a:gd name="connsiteY29" fmla="*/ 38100 h 457200"/>
              <a:gd name="connsiteX30" fmla="*/ 164306 w 219075"/>
              <a:gd name="connsiteY30" fmla="*/ 16669 h 457200"/>
              <a:gd name="connsiteX31" fmla="*/ 111919 w 219075"/>
              <a:gd name="connsiteY31" fmla="*/ 21431 h 457200"/>
              <a:gd name="connsiteX32" fmla="*/ 21431 w 219075"/>
              <a:gd name="connsiteY32" fmla="*/ 0 h 457200"/>
              <a:gd name="connsiteX0" fmla="*/ 11906 w 219075"/>
              <a:gd name="connsiteY0" fmla="*/ 0 h 457200"/>
              <a:gd name="connsiteX1" fmla="*/ 7144 w 219075"/>
              <a:gd name="connsiteY1" fmla="*/ 64294 h 457200"/>
              <a:gd name="connsiteX2" fmla="*/ 0 w 219075"/>
              <a:gd name="connsiteY2" fmla="*/ 97631 h 457200"/>
              <a:gd name="connsiteX3" fmla="*/ 14288 w 219075"/>
              <a:gd name="connsiteY3" fmla="*/ 138113 h 457200"/>
              <a:gd name="connsiteX4" fmla="*/ 16669 w 219075"/>
              <a:gd name="connsiteY4" fmla="*/ 176213 h 457200"/>
              <a:gd name="connsiteX5" fmla="*/ 45244 w 219075"/>
              <a:gd name="connsiteY5" fmla="*/ 185738 h 457200"/>
              <a:gd name="connsiteX6" fmla="*/ 88106 w 219075"/>
              <a:gd name="connsiteY6" fmla="*/ 200025 h 457200"/>
              <a:gd name="connsiteX7" fmla="*/ 90488 w 219075"/>
              <a:gd name="connsiteY7" fmla="*/ 242888 h 457200"/>
              <a:gd name="connsiteX8" fmla="*/ 52388 w 219075"/>
              <a:gd name="connsiteY8" fmla="*/ 302419 h 457200"/>
              <a:gd name="connsiteX9" fmla="*/ 30956 w 219075"/>
              <a:gd name="connsiteY9" fmla="*/ 350044 h 457200"/>
              <a:gd name="connsiteX10" fmla="*/ 42863 w 219075"/>
              <a:gd name="connsiteY10" fmla="*/ 383381 h 457200"/>
              <a:gd name="connsiteX11" fmla="*/ 83344 w 219075"/>
              <a:gd name="connsiteY11" fmla="*/ 400050 h 457200"/>
              <a:gd name="connsiteX12" fmla="*/ 126206 w 219075"/>
              <a:gd name="connsiteY12" fmla="*/ 407194 h 457200"/>
              <a:gd name="connsiteX13" fmla="*/ 130969 w 219075"/>
              <a:gd name="connsiteY13" fmla="*/ 435769 h 457200"/>
              <a:gd name="connsiteX14" fmla="*/ 150019 w 219075"/>
              <a:gd name="connsiteY14" fmla="*/ 457200 h 457200"/>
              <a:gd name="connsiteX15" fmla="*/ 161925 w 219075"/>
              <a:gd name="connsiteY15" fmla="*/ 438150 h 457200"/>
              <a:gd name="connsiteX16" fmla="*/ 166688 w 219075"/>
              <a:gd name="connsiteY16" fmla="*/ 397669 h 457200"/>
              <a:gd name="connsiteX17" fmla="*/ 171450 w 219075"/>
              <a:gd name="connsiteY17" fmla="*/ 383381 h 457200"/>
              <a:gd name="connsiteX18" fmla="*/ 183356 w 219075"/>
              <a:gd name="connsiteY18" fmla="*/ 354806 h 457200"/>
              <a:gd name="connsiteX19" fmla="*/ 185738 w 219075"/>
              <a:gd name="connsiteY19" fmla="*/ 311944 h 457200"/>
              <a:gd name="connsiteX20" fmla="*/ 202406 w 219075"/>
              <a:gd name="connsiteY20" fmla="*/ 283369 h 457200"/>
              <a:gd name="connsiteX21" fmla="*/ 200025 w 219075"/>
              <a:gd name="connsiteY21" fmla="*/ 264319 h 457200"/>
              <a:gd name="connsiteX22" fmla="*/ 216694 w 219075"/>
              <a:gd name="connsiteY22" fmla="*/ 207169 h 457200"/>
              <a:gd name="connsiteX23" fmla="*/ 219075 w 219075"/>
              <a:gd name="connsiteY23" fmla="*/ 169069 h 457200"/>
              <a:gd name="connsiteX24" fmla="*/ 192881 w 219075"/>
              <a:gd name="connsiteY24" fmla="*/ 145256 h 457200"/>
              <a:gd name="connsiteX25" fmla="*/ 171450 w 219075"/>
              <a:gd name="connsiteY25" fmla="*/ 147638 h 457200"/>
              <a:gd name="connsiteX26" fmla="*/ 166688 w 219075"/>
              <a:gd name="connsiteY26" fmla="*/ 138113 h 457200"/>
              <a:gd name="connsiteX27" fmla="*/ 159544 w 219075"/>
              <a:gd name="connsiteY27" fmla="*/ 119063 h 457200"/>
              <a:gd name="connsiteX28" fmla="*/ 171450 w 219075"/>
              <a:gd name="connsiteY28" fmla="*/ 73819 h 457200"/>
              <a:gd name="connsiteX29" fmla="*/ 192881 w 219075"/>
              <a:gd name="connsiteY29" fmla="*/ 38100 h 457200"/>
              <a:gd name="connsiteX30" fmla="*/ 164306 w 219075"/>
              <a:gd name="connsiteY30" fmla="*/ 16669 h 457200"/>
              <a:gd name="connsiteX31" fmla="*/ 111919 w 219075"/>
              <a:gd name="connsiteY31" fmla="*/ 21431 h 457200"/>
              <a:gd name="connsiteX32" fmla="*/ 11906 w 219075"/>
              <a:gd name="connsiteY32" fmla="*/ 0 h 457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219075" h="457200">
                <a:moveTo>
                  <a:pt x="11906" y="0"/>
                </a:moveTo>
                <a:lnTo>
                  <a:pt x="7144" y="64294"/>
                </a:lnTo>
                <a:lnTo>
                  <a:pt x="0" y="97631"/>
                </a:lnTo>
                <a:lnTo>
                  <a:pt x="14288" y="138113"/>
                </a:lnTo>
                <a:lnTo>
                  <a:pt x="16669" y="176213"/>
                </a:lnTo>
                <a:lnTo>
                  <a:pt x="45244" y="185738"/>
                </a:lnTo>
                <a:lnTo>
                  <a:pt x="88106" y="200025"/>
                </a:lnTo>
                <a:lnTo>
                  <a:pt x="90488" y="242888"/>
                </a:lnTo>
                <a:lnTo>
                  <a:pt x="52388" y="302419"/>
                </a:lnTo>
                <a:lnTo>
                  <a:pt x="30956" y="350044"/>
                </a:lnTo>
                <a:lnTo>
                  <a:pt x="42863" y="383381"/>
                </a:lnTo>
                <a:lnTo>
                  <a:pt x="83344" y="400050"/>
                </a:lnTo>
                <a:lnTo>
                  <a:pt x="126206" y="407194"/>
                </a:lnTo>
                <a:lnTo>
                  <a:pt x="130969" y="435769"/>
                </a:lnTo>
                <a:lnTo>
                  <a:pt x="150019" y="457200"/>
                </a:lnTo>
                <a:lnTo>
                  <a:pt x="161925" y="438150"/>
                </a:lnTo>
                <a:lnTo>
                  <a:pt x="166688" y="397669"/>
                </a:lnTo>
                <a:lnTo>
                  <a:pt x="171450" y="383381"/>
                </a:lnTo>
                <a:lnTo>
                  <a:pt x="183356" y="354806"/>
                </a:lnTo>
                <a:lnTo>
                  <a:pt x="185738" y="311944"/>
                </a:lnTo>
                <a:lnTo>
                  <a:pt x="202406" y="283369"/>
                </a:lnTo>
                <a:lnTo>
                  <a:pt x="200025" y="264319"/>
                </a:lnTo>
                <a:lnTo>
                  <a:pt x="216694" y="207169"/>
                </a:lnTo>
                <a:lnTo>
                  <a:pt x="219075" y="169069"/>
                </a:lnTo>
                <a:lnTo>
                  <a:pt x="192881" y="145256"/>
                </a:lnTo>
                <a:lnTo>
                  <a:pt x="171450" y="147638"/>
                </a:lnTo>
                <a:lnTo>
                  <a:pt x="166688" y="138113"/>
                </a:lnTo>
                <a:lnTo>
                  <a:pt x="159544" y="119063"/>
                </a:lnTo>
                <a:lnTo>
                  <a:pt x="171450" y="73819"/>
                </a:lnTo>
                <a:lnTo>
                  <a:pt x="192881" y="38100"/>
                </a:lnTo>
                <a:lnTo>
                  <a:pt x="164306" y="16669"/>
                </a:lnTo>
                <a:lnTo>
                  <a:pt x="111919" y="21431"/>
                </a:lnTo>
                <a:lnTo>
                  <a:pt x="11906" y="0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5" name="Freeform 64"/>
          <p:cNvSpPr/>
          <p:nvPr userDrawn="1"/>
        </p:nvSpPr>
        <p:spPr>
          <a:xfrm rot="171972">
            <a:off x="7706387" y="2882126"/>
            <a:ext cx="153987" cy="250825"/>
          </a:xfrm>
          <a:custGeom>
            <a:avLst/>
            <a:gdLst>
              <a:gd name="connsiteX0" fmla="*/ 0 w 154781"/>
              <a:gd name="connsiteY0" fmla="*/ 0 h 235744"/>
              <a:gd name="connsiteX1" fmla="*/ 30956 w 154781"/>
              <a:gd name="connsiteY1" fmla="*/ 66675 h 235744"/>
              <a:gd name="connsiteX2" fmla="*/ 28575 w 154781"/>
              <a:gd name="connsiteY2" fmla="*/ 85725 h 235744"/>
              <a:gd name="connsiteX3" fmla="*/ 52387 w 154781"/>
              <a:gd name="connsiteY3" fmla="*/ 126206 h 235744"/>
              <a:gd name="connsiteX4" fmla="*/ 47625 w 154781"/>
              <a:gd name="connsiteY4" fmla="*/ 142875 h 235744"/>
              <a:gd name="connsiteX5" fmla="*/ 66675 w 154781"/>
              <a:gd name="connsiteY5" fmla="*/ 183356 h 235744"/>
              <a:gd name="connsiteX6" fmla="*/ 69056 w 154781"/>
              <a:gd name="connsiteY6" fmla="*/ 207169 h 235744"/>
              <a:gd name="connsiteX7" fmla="*/ 78581 w 154781"/>
              <a:gd name="connsiteY7" fmla="*/ 235744 h 235744"/>
              <a:gd name="connsiteX8" fmla="*/ 92869 w 154781"/>
              <a:gd name="connsiteY8" fmla="*/ 221456 h 235744"/>
              <a:gd name="connsiteX9" fmla="*/ 114300 w 154781"/>
              <a:gd name="connsiteY9" fmla="*/ 214312 h 235744"/>
              <a:gd name="connsiteX10" fmla="*/ 114300 w 154781"/>
              <a:gd name="connsiteY10" fmla="*/ 214312 h 235744"/>
              <a:gd name="connsiteX11" fmla="*/ 152400 w 154781"/>
              <a:gd name="connsiteY11" fmla="*/ 195262 h 235744"/>
              <a:gd name="connsiteX12" fmla="*/ 154781 w 154781"/>
              <a:gd name="connsiteY12" fmla="*/ 159544 h 235744"/>
              <a:gd name="connsiteX13" fmla="*/ 147637 w 154781"/>
              <a:gd name="connsiteY13" fmla="*/ 135731 h 235744"/>
              <a:gd name="connsiteX14" fmla="*/ 128587 w 154781"/>
              <a:gd name="connsiteY14" fmla="*/ 119062 h 235744"/>
              <a:gd name="connsiteX15" fmla="*/ 121444 w 154781"/>
              <a:gd name="connsiteY15" fmla="*/ 126206 h 235744"/>
              <a:gd name="connsiteX16" fmla="*/ 102394 w 154781"/>
              <a:gd name="connsiteY16" fmla="*/ 116681 h 235744"/>
              <a:gd name="connsiteX17" fmla="*/ 83344 w 154781"/>
              <a:gd name="connsiteY17" fmla="*/ 95250 h 235744"/>
              <a:gd name="connsiteX18" fmla="*/ 71437 w 154781"/>
              <a:gd name="connsiteY18" fmla="*/ 76200 h 235744"/>
              <a:gd name="connsiteX19" fmla="*/ 45244 w 154781"/>
              <a:gd name="connsiteY19" fmla="*/ 33337 h 235744"/>
              <a:gd name="connsiteX20" fmla="*/ 0 w 154781"/>
              <a:gd name="connsiteY20" fmla="*/ 0 h 235744"/>
              <a:gd name="connsiteX0" fmla="*/ 0 w 154781"/>
              <a:gd name="connsiteY0" fmla="*/ 14288 h 250032"/>
              <a:gd name="connsiteX1" fmla="*/ 30956 w 154781"/>
              <a:gd name="connsiteY1" fmla="*/ 80963 h 250032"/>
              <a:gd name="connsiteX2" fmla="*/ 28575 w 154781"/>
              <a:gd name="connsiteY2" fmla="*/ 100013 h 250032"/>
              <a:gd name="connsiteX3" fmla="*/ 52387 w 154781"/>
              <a:gd name="connsiteY3" fmla="*/ 140494 h 250032"/>
              <a:gd name="connsiteX4" fmla="*/ 47625 w 154781"/>
              <a:gd name="connsiteY4" fmla="*/ 157163 h 250032"/>
              <a:gd name="connsiteX5" fmla="*/ 66675 w 154781"/>
              <a:gd name="connsiteY5" fmla="*/ 197644 h 250032"/>
              <a:gd name="connsiteX6" fmla="*/ 69056 w 154781"/>
              <a:gd name="connsiteY6" fmla="*/ 221457 h 250032"/>
              <a:gd name="connsiteX7" fmla="*/ 78581 w 154781"/>
              <a:gd name="connsiteY7" fmla="*/ 250032 h 250032"/>
              <a:gd name="connsiteX8" fmla="*/ 92869 w 154781"/>
              <a:gd name="connsiteY8" fmla="*/ 235744 h 250032"/>
              <a:gd name="connsiteX9" fmla="*/ 114300 w 154781"/>
              <a:gd name="connsiteY9" fmla="*/ 228600 h 250032"/>
              <a:gd name="connsiteX10" fmla="*/ 114300 w 154781"/>
              <a:gd name="connsiteY10" fmla="*/ 228600 h 250032"/>
              <a:gd name="connsiteX11" fmla="*/ 152400 w 154781"/>
              <a:gd name="connsiteY11" fmla="*/ 209550 h 250032"/>
              <a:gd name="connsiteX12" fmla="*/ 154781 w 154781"/>
              <a:gd name="connsiteY12" fmla="*/ 173832 h 250032"/>
              <a:gd name="connsiteX13" fmla="*/ 147637 w 154781"/>
              <a:gd name="connsiteY13" fmla="*/ 150019 h 250032"/>
              <a:gd name="connsiteX14" fmla="*/ 128587 w 154781"/>
              <a:gd name="connsiteY14" fmla="*/ 133350 h 250032"/>
              <a:gd name="connsiteX15" fmla="*/ 121444 w 154781"/>
              <a:gd name="connsiteY15" fmla="*/ 140494 h 250032"/>
              <a:gd name="connsiteX16" fmla="*/ 102394 w 154781"/>
              <a:gd name="connsiteY16" fmla="*/ 130969 h 250032"/>
              <a:gd name="connsiteX17" fmla="*/ 83344 w 154781"/>
              <a:gd name="connsiteY17" fmla="*/ 109538 h 250032"/>
              <a:gd name="connsiteX18" fmla="*/ 71437 w 154781"/>
              <a:gd name="connsiteY18" fmla="*/ 90488 h 250032"/>
              <a:gd name="connsiteX19" fmla="*/ 30957 w 154781"/>
              <a:gd name="connsiteY19" fmla="*/ 0 h 250032"/>
              <a:gd name="connsiteX20" fmla="*/ 0 w 154781"/>
              <a:gd name="connsiteY20" fmla="*/ 14288 h 250032"/>
              <a:gd name="connsiteX0" fmla="*/ 0 w 154793"/>
              <a:gd name="connsiteY0" fmla="*/ 14288 h 250032"/>
              <a:gd name="connsiteX1" fmla="*/ 30956 w 154793"/>
              <a:gd name="connsiteY1" fmla="*/ 80963 h 250032"/>
              <a:gd name="connsiteX2" fmla="*/ 28575 w 154793"/>
              <a:gd name="connsiteY2" fmla="*/ 100013 h 250032"/>
              <a:gd name="connsiteX3" fmla="*/ 52387 w 154793"/>
              <a:gd name="connsiteY3" fmla="*/ 140494 h 250032"/>
              <a:gd name="connsiteX4" fmla="*/ 47625 w 154793"/>
              <a:gd name="connsiteY4" fmla="*/ 157163 h 250032"/>
              <a:gd name="connsiteX5" fmla="*/ 66675 w 154793"/>
              <a:gd name="connsiteY5" fmla="*/ 197644 h 250032"/>
              <a:gd name="connsiteX6" fmla="*/ 69056 w 154793"/>
              <a:gd name="connsiteY6" fmla="*/ 221457 h 250032"/>
              <a:gd name="connsiteX7" fmla="*/ 78581 w 154793"/>
              <a:gd name="connsiteY7" fmla="*/ 250032 h 250032"/>
              <a:gd name="connsiteX8" fmla="*/ 92869 w 154793"/>
              <a:gd name="connsiteY8" fmla="*/ 235744 h 250032"/>
              <a:gd name="connsiteX9" fmla="*/ 114300 w 154793"/>
              <a:gd name="connsiteY9" fmla="*/ 228600 h 250032"/>
              <a:gd name="connsiteX10" fmla="*/ 114300 w 154793"/>
              <a:gd name="connsiteY10" fmla="*/ 228600 h 250032"/>
              <a:gd name="connsiteX11" fmla="*/ 154793 w 154793"/>
              <a:gd name="connsiteY11" fmla="*/ 230914 h 250032"/>
              <a:gd name="connsiteX12" fmla="*/ 154781 w 154793"/>
              <a:gd name="connsiteY12" fmla="*/ 173832 h 250032"/>
              <a:gd name="connsiteX13" fmla="*/ 147637 w 154793"/>
              <a:gd name="connsiteY13" fmla="*/ 150019 h 250032"/>
              <a:gd name="connsiteX14" fmla="*/ 128587 w 154793"/>
              <a:gd name="connsiteY14" fmla="*/ 133350 h 250032"/>
              <a:gd name="connsiteX15" fmla="*/ 121444 w 154793"/>
              <a:gd name="connsiteY15" fmla="*/ 140494 h 250032"/>
              <a:gd name="connsiteX16" fmla="*/ 102394 w 154793"/>
              <a:gd name="connsiteY16" fmla="*/ 130969 h 250032"/>
              <a:gd name="connsiteX17" fmla="*/ 83344 w 154793"/>
              <a:gd name="connsiteY17" fmla="*/ 109538 h 250032"/>
              <a:gd name="connsiteX18" fmla="*/ 71437 w 154793"/>
              <a:gd name="connsiteY18" fmla="*/ 90488 h 250032"/>
              <a:gd name="connsiteX19" fmla="*/ 30957 w 154793"/>
              <a:gd name="connsiteY19" fmla="*/ 0 h 250032"/>
              <a:gd name="connsiteX20" fmla="*/ 0 w 154793"/>
              <a:gd name="connsiteY20" fmla="*/ 14288 h 250032"/>
              <a:gd name="connsiteX0" fmla="*/ 0 w 154793"/>
              <a:gd name="connsiteY0" fmla="*/ 14288 h 250032"/>
              <a:gd name="connsiteX1" fmla="*/ 30956 w 154793"/>
              <a:gd name="connsiteY1" fmla="*/ 80963 h 250032"/>
              <a:gd name="connsiteX2" fmla="*/ 28575 w 154793"/>
              <a:gd name="connsiteY2" fmla="*/ 100013 h 250032"/>
              <a:gd name="connsiteX3" fmla="*/ 52387 w 154793"/>
              <a:gd name="connsiteY3" fmla="*/ 140494 h 250032"/>
              <a:gd name="connsiteX4" fmla="*/ 47625 w 154793"/>
              <a:gd name="connsiteY4" fmla="*/ 157163 h 250032"/>
              <a:gd name="connsiteX5" fmla="*/ 66675 w 154793"/>
              <a:gd name="connsiteY5" fmla="*/ 197644 h 250032"/>
              <a:gd name="connsiteX6" fmla="*/ 69056 w 154793"/>
              <a:gd name="connsiteY6" fmla="*/ 221457 h 250032"/>
              <a:gd name="connsiteX7" fmla="*/ 78581 w 154793"/>
              <a:gd name="connsiteY7" fmla="*/ 250032 h 250032"/>
              <a:gd name="connsiteX8" fmla="*/ 92869 w 154793"/>
              <a:gd name="connsiteY8" fmla="*/ 235744 h 250032"/>
              <a:gd name="connsiteX9" fmla="*/ 114300 w 154793"/>
              <a:gd name="connsiteY9" fmla="*/ 228600 h 250032"/>
              <a:gd name="connsiteX10" fmla="*/ 116694 w 154793"/>
              <a:gd name="connsiteY10" fmla="*/ 242843 h 250032"/>
              <a:gd name="connsiteX11" fmla="*/ 154793 w 154793"/>
              <a:gd name="connsiteY11" fmla="*/ 230914 h 250032"/>
              <a:gd name="connsiteX12" fmla="*/ 154781 w 154793"/>
              <a:gd name="connsiteY12" fmla="*/ 173832 h 250032"/>
              <a:gd name="connsiteX13" fmla="*/ 147637 w 154793"/>
              <a:gd name="connsiteY13" fmla="*/ 150019 h 250032"/>
              <a:gd name="connsiteX14" fmla="*/ 128587 w 154793"/>
              <a:gd name="connsiteY14" fmla="*/ 133350 h 250032"/>
              <a:gd name="connsiteX15" fmla="*/ 121444 w 154793"/>
              <a:gd name="connsiteY15" fmla="*/ 140494 h 250032"/>
              <a:gd name="connsiteX16" fmla="*/ 102394 w 154793"/>
              <a:gd name="connsiteY16" fmla="*/ 130969 h 250032"/>
              <a:gd name="connsiteX17" fmla="*/ 83344 w 154793"/>
              <a:gd name="connsiteY17" fmla="*/ 109538 h 250032"/>
              <a:gd name="connsiteX18" fmla="*/ 71437 w 154793"/>
              <a:gd name="connsiteY18" fmla="*/ 90488 h 250032"/>
              <a:gd name="connsiteX19" fmla="*/ 30957 w 154793"/>
              <a:gd name="connsiteY19" fmla="*/ 0 h 250032"/>
              <a:gd name="connsiteX20" fmla="*/ 0 w 154793"/>
              <a:gd name="connsiteY20" fmla="*/ 14288 h 250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54793" h="250032">
                <a:moveTo>
                  <a:pt x="0" y="14288"/>
                </a:moveTo>
                <a:lnTo>
                  <a:pt x="30956" y="80963"/>
                </a:lnTo>
                <a:lnTo>
                  <a:pt x="28575" y="100013"/>
                </a:lnTo>
                <a:lnTo>
                  <a:pt x="52387" y="140494"/>
                </a:lnTo>
                <a:lnTo>
                  <a:pt x="47625" y="157163"/>
                </a:lnTo>
                <a:lnTo>
                  <a:pt x="66675" y="197644"/>
                </a:lnTo>
                <a:lnTo>
                  <a:pt x="69056" y="221457"/>
                </a:lnTo>
                <a:lnTo>
                  <a:pt x="78581" y="250032"/>
                </a:lnTo>
                <a:lnTo>
                  <a:pt x="92869" y="235744"/>
                </a:lnTo>
                <a:lnTo>
                  <a:pt x="114300" y="228600"/>
                </a:lnTo>
                <a:lnTo>
                  <a:pt x="116694" y="242843"/>
                </a:lnTo>
                <a:lnTo>
                  <a:pt x="154793" y="230914"/>
                </a:lnTo>
                <a:cubicBezTo>
                  <a:pt x="154789" y="211887"/>
                  <a:pt x="154785" y="192859"/>
                  <a:pt x="154781" y="173832"/>
                </a:cubicBezTo>
                <a:lnTo>
                  <a:pt x="147637" y="150019"/>
                </a:lnTo>
                <a:lnTo>
                  <a:pt x="128587" y="133350"/>
                </a:lnTo>
                <a:lnTo>
                  <a:pt x="121444" y="140494"/>
                </a:lnTo>
                <a:lnTo>
                  <a:pt x="102394" y="130969"/>
                </a:lnTo>
                <a:lnTo>
                  <a:pt x="83344" y="109538"/>
                </a:lnTo>
                <a:lnTo>
                  <a:pt x="71437" y="90488"/>
                </a:lnTo>
                <a:lnTo>
                  <a:pt x="30957" y="0"/>
                </a:lnTo>
                <a:lnTo>
                  <a:pt x="0" y="14288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6" name="Freeform 65"/>
          <p:cNvSpPr/>
          <p:nvPr userDrawn="1"/>
        </p:nvSpPr>
        <p:spPr>
          <a:xfrm rot="171972">
            <a:off x="6762701" y="2892882"/>
            <a:ext cx="665163" cy="727075"/>
          </a:xfrm>
          <a:custGeom>
            <a:avLst/>
            <a:gdLst>
              <a:gd name="connsiteX0" fmla="*/ 190500 w 664369"/>
              <a:gd name="connsiteY0" fmla="*/ 0 h 704850"/>
              <a:gd name="connsiteX1" fmla="*/ 195263 w 664369"/>
              <a:gd name="connsiteY1" fmla="*/ 73819 h 704850"/>
              <a:gd name="connsiteX2" fmla="*/ 195263 w 664369"/>
              <a:gd name="connsiteY2" fmla="*/ 178594 h 704850"/>
              <a:gd name="connsiteX3" fmla="*/ 147638 w 664369"/>
              <a:gd name="connsiteY3" fmla="*/ 264319 h 704850"/>
              <a:gd name="connsiteX4" fmla="*/ 111919 w 664369"/>
              <a:gd name="connsiteY4" fmla="*/ 285750 h 704850"/>
              <a:gd name="connsiteX5" fmla="*/ 92869 w 664369"/>
              <a:gd name="connsiteY5" fmla="*/ 297657 h 704850"/>
              <a:gd name="connsiteX6" fmla="*/ 90488 w 664369"/>
              <a:gd name="connsiteY6" fmla="*/ 326232 h 704850"/>
              <a:gd name="connsiteX7" fmla="*/ 102394 w 664369"/>
              <a:gd name="connsiteY7" fmla="*/ 330994 h 704850"/>
              <a:gd name="connsiteX8" fmla="*/ 100013 w 664369"/>
              <a:gd name="connsiteY8" fmla="*/ 354807 h 704850"/>
              <a:gd name="connsiteX9" fmla="*/ 104775 w 664369"/>
              <a:gd name="connsiteY9" fmla="*/ 369094 h 704850"/>
              <a:gd name="connsiteX10" fmla="*/ 83344 w 664369"/>
              <a:gd name="connsiteY10" fmla="*/ 388144 h 704850"/>
              <a:gd name="connsiteX11" fmla="*/ 80963 w 664369"/>
              <a:gd name="connsiteY11" fmla="*/ 392907 h 704850"/>
              <a:gd name="connsiteX12" fmla="*/ 69056 w 664369"/>
              <a:gd name="connsiteY12" fmla="*/ 369094 h 704850"/>
              <a:gd name="connsiteX13" fmla="*/ 45244 w 664369"/>
              <a:gd name="connsiteY13" fmla="*/ 381000 h 704850"/>
              <a:gd name="connsiteX14" fmla="*/ 45244 w 664369"/>
              <a:gd name="connsiteY14" fmla="*/ 421482 h 704850"/>
              <a:gd name="connsiteX15" fmla="*/ 52388 w 664369"/>
              <a:gd name="connsiteY15" fmla="*/ 438150 h 704850"/>
              <a:gd name="connsiteX16" fmla="*/ 0 w 664369"/>
              <a:gd name="connsiteY16" fmla="*/ 502444 h 704850"/>
              <a:gd name="connsiteX17" fmla="*/ 33338 w 664369"/>
              <a:gd name="connsiteY17" fmla="*/ 607219 h 704850"/>
              <a:gd name="connsiteX18" fmla="*/ 88106 w 664369"/>
              <a:gd name="connsiteY18" fmla="*/ 642938 h 704850"/>
              <a:gd name="connsiteX19" fmla="*/ 104775 w 664369"/>
              <a:gd name="connsiteY19" fmla="*/ 638175 h 704850"/>
              <a:gd name="connsiteX20" fmla="*/ 152400 w 664369"/>
              <a:gd name="connsiteY20" fmla="*/ 685800 h 704850"/>
              <a:gd name="connsiteX21" fmla="*/ 169069 w 664369"/>
              <a:gd name="connsiteY21" fmla="*/ 685800 h 704850"/>
              <a:gd name="connsiteX22" fmla="*/ 214313 w 664369"/>
              <a:gd name="connsiteY22" fmla="*/ 704850 h 704850"/>
              <a:gd name="connsiteX23" fmla="*/ 230981 w 664369"/>
              <a:gd name="connsiteY23" fmla="*/ 666750 h 704850"/>
              <a:gd name="connsiteX24" fmla="*/ 264319 w 664369"/>
              <a:gd name="connsiteY24" fmla="*/ 647700 h 704850"/>
              <a:gd name="connsiteX25" fmla="*/ 285750 w 664369"/>
              <a:gd name="connsiteY25" fmla="*/ 645319 h 704850"/>
              <a:gd name="connsiteX26" fmla="*/ 352425 w 664369"/>
              <a:gd name="connsiteY26" fmla="*/ 604838 h 704850"/>
              <a:gd name="connsiteX27" fmla="*/ 369094 w 664369"/>
              <a:gd name="connsiteY27" fmla="*/ 597694 h 704850"/>
              <a:gd name="connsiteX28" fmla="*/ 366713 w 664369"/>
              <a:gd name="connsiteY28" fmla="*/ 559594 h 704850"/>
              <a:gd name="connsiteX29" fmla="*/ 369094 w 664369"/>
              <a:gd name="connsiteY29" fmla="*/ 528638 h 704850"/>
              <a:gd name="connsiteX30" fmla="*/ 373856 w 664369"/>
              <a:gd name="connsiteY30" fmla="*/ 497682 h 704850"/>
              <a:gd name="connsiteX31" fmla="*/ 381000 w 664369"/>
              <a:gd name="connsiteY31" fmla="*/ 473869 h 704850"/>
              <a:gd name="connsiteX32" fmla="*/ 407194 w 664369"/>
              <a:gd name="connsiteY32" fmla="*/ 435769 h 704850"/>
              <a:gd name="connsiteX33" fmla="*/ 428625 w 664369"/>
              <a:gd name="connsiteY33" fmla="*/ 385763 h 704850"/>
              <a:gd name="connsiteX34" fmla="*/ 428625 w 664369"/>
              <a:gd name="connsiteY34" fmla="*/ 385763 h 704850"/>
              <a:gd name="connsiteX35" fmla="*/ 476250 w 664369"/>
              <a:gd name="connsiteY35" fmla="*/ 354807 h 704850"/>
              <a:gd name="connsiteX36" fmla="*/ 502444 w 664369"/>
              <a:gd name="connsiteY36" fmla="*/ 330994 h 704850"/>
              <a:gd name="connsiteX37" fmla="*/ 507206 w 664369"/>
              <a:gd name="connsiteY37" fmla="*/ 292894 h 704850"/>
              <a:gd name="connsiteX38" fmla="*/ 573881 w 664369"/>
              <a:gd name="connsiteY38" fmla="*/ 188119 h 704850"/>
              <a:gd name="connsiteX39" fmla="*/ 571500 w 664369"/>
              <a:gd name="connsiteY39" fmla="*/ 169069 h 704850"/>
              <a:gd name="connsiteX40" fmla="*/ 573881 w 664369"/>
              <a:gd name="connsiteY40" fmla="*/ 159544 h 704850"/>
              <a:gd name="connsiteX41" fmla="*/ 614363 w 664369"/>
              <a:gd name="connsiteY41" fmla="*/ 150019 h 704850"/>
              <a:gd name="connsiteX42" fmla="*/ 628650 w 664369"/>
              <a:gd name="connsiteY42" fmla="*/ 159544 h 704850"/>
              <a:gd name="connsiteX43" fmla="*/ 647700 w 664369"/>
              <a:gd name="connsiteY43" fmla="*/ 161925 h 704850"/>
              <a:gd name="connsiteX44" fmla="*/ 659606 w 664369"/>
              <a:gd name="connsiteY44" fmla="*/ 133350 h 704850"/>
              <a:gd name="connsiteX45" fmla="*/ 664369 w 664369"/>
              <a:gd name="connsiteY45" fmla="*/ 119063 h 704850"/>
              <a:gd name="connsiteX46" fmla="*/ 645319 w 664369"/>
              <a:gd name="connsiteY46" fmla="*/ 104775 h 704850"/>
              <a:gd name="connsiteX47" fmla="*/ 642938 w 664369"/>
              <a:gd name="connsiteY47" fmla="*/ 92869 h 704850"/>
              <a:gd name="connsiteX48" fmla="*/ 621506 w 664369"/>
              <a:gd name="connsiteY48" fmla="*/ 83344 h 704850"/>
              <a:gd name="connsiteX49" fmla="*/ 590550 w 664369"/>
              <a:gd name="connsiteY49" fmla="*/ 88107 h 704850"/>
              <a:gd name="connsiteX50" fmla="*/ 573881 w 664369"/>
              <a:gd name="connsiteY50" fmla="*/ 104775 h 704850"/>
              <a:gd name="connsiteX51" fmla="*/ 564356 w 664369"/>
              <a:gd name="connsiteY51" fmla="*/ 116682 h 704850"/>
              <a:gd name="connsiteX52" fmla="*/ 547688 w 664369"/>
              <a:gd name="connsiteY52" fmla="*/ 126207 h 704850"/>
              <a:gd name="connsiteX53" fmla="*/ 528638 w 664369"/>
              <a:gd name="connsiteY53" fmla="*/ 133350 h 704850"/>
              <a:gd name="connsiteX54" fmla="*/ 516731 w 664369"/>
              <a:gd name="connsiteY54" fmla="*/ 128588 h 704850"/>
              <a:gd name="connsiteX55" fmla="*/ 502444 w 664369"/>
              <a:gd name="connsiteY55" fmla="*/ 128588 h 704850"/>
              <a:gd name="connsiteX56" fmla="*/ 495300 w 664369"/>
              <a:gd name="connsiteY56" fmla="*/ 121444 h 704850"/>
              <a:gd name="connsiteX57" fmla="*/ 478631 w 664369"/>
              <a:gd name="connsiteY57" fmla="*/ 164307 h 704850"/>
              <a:gd name="connsiteX58" fmla="*/ 469106 w 664369"/>
              <a:gd name="connsiteY58" fmla="*/ 173832 h 704850"/>
              <a:gd name="connsiteX59" fmla="*/ 459581 w 664369"/>
              <a:gd name="connsiteY59" fmla="*/ 173832 h 704850"/>
              <a:gd name="connsiteX60" fmla="*/ 459581 w 664369"/>
              <a:gd name="connsiteY60" fmla="*/ 173832 h 704850"/>
              <a:gd name="connsiteX61" fmla="*/ 445294 w 664369"/>
              <a:gd name="connsiteY61" fmla="*/ 188119 h 704850"/>
              <a:gd name="connsiteX62" fmla="*/ 431006 w 664369"/>
              <a:gd name="connsiteY62" fmla="*/ 200025 h 704850"/>
              <a:gd name="connsiteX63" fmla="*/ 421481 w 664369"/>
              <a:gd name="connsiteY63" fmla="*/ 207169 h 704850"/>
              <a:gd name="connsiteX64" fmla="*/ 411956 w 664369"/>
              <a:gd name="connsiteY64" fmla="*/ 185738 h 704850"/>
              <a:gd name="connsiteX65" fmla="*/ 397669 w 664369"/>
              <a:gd name="connsiteY65" fmla="*/ 164307 h 704850"/>
              <a:gd name="connsiteX66" fmla="*/ 385763 w 664369"/>
              <a:gd name="connsiteY66" fmla="*/ 145257 h 704850"/>
              <a:gd name="connsiteX67" fmla="*/ 247650 w 664369"/>
              <a:gd name="connsiteY67" fmla="*/ 180975 h 704850"/>
              <a:gd name="connsiteX68" fmla="*/ 190500 w 664369"/>
              <a:gd name="connsiteY68" fmla="*/ 0 h 704850"/>
              <a:gd name="connsiteX0" fmla="*/ 190500 w 664369"/>
              <a:gd name="connsiteY0" fmla="*/ 0 h 704850"/>
              <a:gd name="connsiteX1" fmla="*/ 195263 w 664369"/>
              <a:gd name="connsiteY1" fmla="*/ 73819 h 704850"/>
              <a:gd name="connsiteX2" fmla="*/ 195263 w 664369"/>
              <a:gd name="connsiteY2" fmla="*/ 178594 h 704850"/>
              <a:gd name="connsiteX3" fmla="*/ 147638 w 664369"/>
              <a:gd name="connsiteY3" fmla="*/ 264319 h 704850"/>
              <a:gd name="connsiteX4" fmla="*/ 111919 w 664369"/>
              <a:gd name="connsiteY4" fmla="*/ 285750 h 704850"/>
              <a:gd name="connsiteX5" fmla="*/ 92869 w 664369"/>
              <a:gd name="connsiteY5" fmla="*/ 297657 h 704850"/>
              <a:gd name="connsiteX6" fmla="*/ 90488 w 664369"/>
              <a:gd name="connsiteY6" fmla="*/ 326232 h 704850"/>
              <a:gd name="connsiteX7" fmla="*/ 102394 w 664369"/>
              <a:gd name="connsiteY7" fmla="*/ 330994 h 704850"/>
              <a:gd name="connsiteX8" fmla="*/ 100013 w 664369"/>
              <a:gd name="connsiteY8" fmla="*/ 354807 h 704850"/>
              <a:gd name="connsiteX9" fmla="*/ 104775 w 664369"/>
              <a:gd name="connsiteY9" fmla="*/ 369094 h 704850"/>
              <a:gd name="connsiteX10" fmla="*/ 83344 w 664369"/>
              <a:gd name="connsiteY10" fmla="*/ 388144 h 704850"/>
              <a:gd name="connsiteX11" fmla="*/ 80963 w 664369"/>
              <a:gd name="connsiteY11" fmla="*/ 392907 h 704850"/>
              <a:gd name="connsiteX12" fmla="*/ 69056 w 664369"/>
              <a:gd name="connsiteY12" fmla="*/ 369094 h 704850"/>
              <a:gd name="connsiteX13" fmla="*/ 45244 w 664369"/>
              <a:gd name="connsiteY13" fmla="*/ 381000 h 704850"/>
              <a:gd name="connsiteX14" fmla="*/ 45244 w 664369"/>
              <a:gd name="connsiteY14" fmla="*/ 421482 h 704850"/>
              <a:gd name="connsiteX15" fmla="*/ 52388 w 664369"/>
              <a:gd name="connsiteY15" fmla="*/ 438150 h 704850"/>
              <a:gd name="connsiteX16" fmla="*/ 0 w 664369"/>
              <a:gd name="connsiteY16" fmla="*/ 502444 h 704850"/>
              <a:gd name="connsiteX17" fmla="*/ 33338 w 664369"/>
              <a:gd name="connsiteY17" fmla="*/ 607219 h 704850"/>
              <a:gd name="connsiteX18" fmla="*/ 88106 w 664369"/>
              <a:gd name="connsiteY18" fmla="*/ 642938 h 704850"/>
              <a:gd name="connsiteX19" fmla="*/ 104775 w 664369"/>
              <a:gd name="connsiteY19" fmla="*/ 638175 h 704850"/>
              <a:gd name="connsiteX20" fmla="*/ 152400 w 664369"/>
              <a:gd name="connsiteY20" fmla="*/ 685800 h 704850"/>
              <a:gd name="connsiteX21" fmla="*/ 169069 w 664369"/>
              <a:gd name="connsiteY21" fmla="*/ 685800 h 704850"/>
              <a:gd name="connsiteX22" fmla="*/ 214313 w 664369"/>
              <a:gd name="connsiteY22" fmla="*/ 704850 h 704850"/>
              <a:gd name="connsiteX23" fmla="*/ 230981 w 664369"/>
              <a:gd name="connsiteY23" fmla="*/ 666750 h 704850"/>
              <a:gd name="connsiteX24" fmla="*/ 264319 w 664369"/>
              <a:gd name="connsiteY24" fmla="*/ 647700 h 704850"/>
              <a:gd name="connsiteX25" fmla="*/ 285750 w 664369"/>
              <a:gd name="connsiteY25" fmla="*/ 645319 h 704850"/>
              <a:gd name="connsiteX26" fmla="*/ 352425 w 664369"/>
              <a:gd name="connsiteY26" fmla="*/ 604838 h 704850"/>
              <a:gd name="connsiteX27" fmla="*/ 369094 w 664369"/>
              <a:gd name="connsiteY27" fmla="*/ 597694 h 704850"/>
              <a:gd name="connsiteX28" fmla="*/ 366713 w 664369"/>
              <a:gd name="connsiteY28" fmla="*/ 559594 h 704850"/>
              <a:gd name="connsiteX29" fmla="*/ 369094 w 664369"/>
              <a:gd name="connsiteY29" fmla="*/ 528638 h 704850"/>
              <a:gd name="connsiteX30" fmla="*/ 373856 w 664369"/>
              <a:gd name="connsiteY30" fmla="*/ 497682 h 704850"/>
              <a:gd name="connsiteX31" fmla="*/ 381000 w 664369"/>
              <a:gd name="connsiteY31" fmla="*/ 473869 h 704850"/>
              <a:gd name="connsiteX32" fmla="*/ 407194 w 664369"/>
              <a:gd name="connsiteY32" fmla="*/ 435769 h 704850"/>
              <a:gd name="connsiteX33" fmla="*/ 428625 w 664369"/>
              <a:gd name="connsiteY33" fmla="*/ 385763 h 704850"/>
              <a:gd name="connsiteX34" fmla="*/ 428625 w 664369"/>
              <a:gd name="connsiteY34" fmla="*/ 385763 h 704850"/>
              <a:gd name="connsiteX35" fmla="*/ 476250 w 664369"/>
              <a:gd name="connsiteY35" fmla="*/ 354807 h 704850"/>
              <a:gd name="connsiteX36" fmla="*/ 502444 w 664369"/>
              <a:gd name="connsiteY36" fmla="*/ 330994 h 704850"/>
              <a:gd name="connsiteX37" fmla="*/ 507206 w 664369"/>
              <a:gd name="connsiteY37" fmla="*/ 292894 h 704850"/>
              <a:gd name="connsiteX38" fmla="*/ 573881 w 664369"/>
              <a:gd name="connsiteY38" fmla="*/ 188119 h 704850"/>
              <a:gd name="connsiteX39" fmla="*/ 571500 w 664369"/>
              <a:gd name="connsiteY39" fmla="*/ 169069 h 704850"/>
              <a:gd name="connsiteX40" fmla="*/ 573881 w 664369"/>
              <a:gd name="connsiteY40" fmla="*/ 159544 h 704850"/>
              <a:gd name="connsiteX41" fmla="*/ 614363 w 664369"/>
              <a:gd name="connsiteY41" fmla="*/ 150019 h 704850"/>
              <a:gd name="connsiteX42" fmla="*/ 628650 w 664369"/>
              <a:gd name="connsiteY42" fmla="*/ 159544 h 704850"/>
              <a:gd name="connsiteX43" fmla="*/ 647700 w 664369"/>
              <a:gd name="connsiteY43" fmla="*/ 161925 h 704850"/>
              <a:gd name="connsiteX44" fmla="*/ 659606 w 664369"/>
              <a:gd name="connsiteY44" fmla="*/ 133350 h 704850"/>
              <a:gd name="connsiteX45" fmla="*/ 664369 w 664369"/>
              <a:gd name="connsiteY45" fmla="*/ 119063 h 704850"/>
              <a:gd name="connsiteX46" fmla="*/ 645319 w 664369"/>
              <a:gd name="connsiteY46" fmla="*/ 104775 h 704850"/>
              <a:gd name="connsiteX47" fmla="*/ 642938 w 664369"/>
              <a:gd name="connsiteY47" fmla="*/ 92869 h 704850"/>
              <a:gd name="connsiteX48" fmla="*/ 621506 w 664369"/>
              <a:gd name="connsiteY48" fmla="*/ 83344 h 704850"/>
              <a:gd name="connsiteX49" fmla="*/ 590550 w 664369"/>
              <a:gd name="connsiteY49" fmla="*/ 88107 h 704850"/>
              <a:gd name="connsiteX50" fmla="*/ 573881 w 664369"/>
              <a:gd name="connsiteY50" fmla="*/ 104775 h 704850"/>
              <a:gd name="connsiteX51" fmla="*/ 564356 w 664369"/>
              <a:gd name="connsiteY51" fmla="*/ 116682 h 704850"/>
              <a:gd name="connsiteX52" fmla="*/ 547688 w 664369"/>
              <a:gd name="connsiteY52" fmla="*/ 126207 h 704850"/>
              <a:gd name="connsiteX53" fmla="*/ 528638 w 664369"/>
              <a:gd name="connsiteY53" fmla="*/ 133350 h 704850"/>
              <a:gd name="connsiteX54" fmla="*/ 516731 w 664369"/>
              <a:gd name="connsiteY54" fmla="*/ 128588 h 704850"/>
              <a:gd name="connsiteX55" fmla="*/ 502444 w 664369"/>
              <a:gd name="connsiteY55" fmla="*/ 128588 h 704850"/>
              <a:gd name="connsiteX56" fmla="*/ 495300 w 664369"/>
              <a:gd name="connsiteY56" fmla="*/ 121444 h 704850"/>
              <a:gd name="connsiteX57" fmla="*/ 478631 w 664369"/>
              <a:gd name="connsiteY57" fmla="*/ 164307 h 704850"/>
              <a:gd name="connsiteX58" fmla="*/ 469106 w 664369"/>
              <a:gd name="connsiteY58" fmla="*/ 173832 h 704850"/>
              <a:gd name="connsiteX59" fmla="*/ 459581 w 664369"/>
              <a:gd name="connsiteY59" fmla="*/ 173832 h 704850"/>
              <a:gd name="connsiteX60" fmla="*/ 459581 w 664369"/>
              <a:gd name="connsiteY60" fmla="*/ 173832 h 704850"/>
              <a:gd name="connsiteX61" fmla="*/ 445294 w 664369"/>
              <a:gd name="connsiteY61" fmla="*/ 188119 h 704850"/>
              <a:gd name="connsiteX62" fmla="*/ 431006 w 664369"/>
              <a:gd name="connsiteY62" fmla="*/ 200025 h 704850"/>
              <a:gd name="connsiteX63" fmla="*/ 421481 w 664369"/>
              <a:gd name="connsiteY63" fmla="*/ 207169 h 704850"/>
              <a:gd name="connsiteX64" fmla="*/ 411956 w 664369"/>
              <a:gd name="connsiteY64" fmla="*/ 185738 h 704850"/>
              <a:gd name="connsiteX65" fmla="*/ 397669 w 664369"/>
              <a:gd name="connsiteY65" fmla="*/ 164307 h 704850"/>
              <a:gd name="connsiteX66" fmla="*/ 385763 w 664369"/>
              <a:gd name="connsiteY66" fmla="*/ 145257 h 704850"/>
              <a:gd name="connsiteX67" fmla="*/ 247650 w 664369"/>
              <a:gd name="connsiteY67" fmla="*/ 180975 h 704850"/>
              <a:gd name="connsiteX68" fmla="*/ 204788 w 664369"/>
              <a:gd name="connsiteY68" fmla="*/ 54769 h 704850"/>
              <a:gd name="connsiteX69" fmla="*/ 190500 w 664369"/>
              <a:gd name="connsiteY69" fmla="*/ 0 h 704850"/>
              <a:gd name="connsiteX0" fmla="*/ 190500 w 664369"/>
              <a:gd name="connsiteY0" fmla="*/ 4762 h 709612"/>
              <a:gd name="connsiteX1" fmla="*/ 195263 w 664369"/>
              <a:gd name="connsiteY1" fmla="*/ 78581 h 709612"/>
              <a:gd name="connsiteX2" fmla="*/ 195263 w 664369"/>
              <a:gd name="connsiteY2" fmla="*/ 183356 h 709612"/>
              <a:gd name="connsiteX3" fmla="*/ 147638 w 664369"/>
              <a:gd name="connsiteY3" fmla="*/ 269081 h 709612"/>
              <a:gd name="connsiteX4" fmla="*/ 111919 w 664369"/>
              <a:gd name="connsiteY4" fmla="*/ 290512 h 709612"/>
              <a:gd name="connsiteX5" fmla="*/ 92869 w 664369"/>
              <a:gd name="connsiteY5" fmla="*/ 302419 h 709612"/>
              <a:gd name="connsiteX6" fmla="*/ 90488 w 664369"/>
              <a:gd name="connsiteY6" fmla="*/ 330994 h 709612"/>
              <a:gd name="connsiteX7" fmla="*/ 102394 w 664369"/>
              <a:gd name="connsiteY7" fmla="*/ 335756 h 709612"/>
              <a:gd name="connsiteX8" fmla="*/ 100013 w 664369"/>
              <a:gd name="connsiteY8" fmla="*/ 359569 h 709612"/>
              <a:gd name="connsiteX9" fmla="*/ 104775 w 664369"/>
              <a:gd name="connsiteY9" fmla="*/ 373856 h 709612"/>
              <a:gd name="connsiteX10" fmla="*/ 83344 w 664369"/>
              <a:gd name="connsiteY10" fmla="*/ 392906 h 709612"/>
              <a:gd name="connsiteX11" fmla="*/ 80963 w 664369"/>
              <a:gd name="connsiteY11" fmla="*/ 397669 h 709612"/>
              <a:gd name="connsiteX12" fmla="*/ 69056 w 664369"/>
              <a:gd name="connsiteY12" fmla="*/ 373856 h 709612"/>
              <a:gd name="connsiteX13" fmla="*/ 45244 w 664369"/>
              <a:gd name="connsiteY13" fmla="*/ 385762 h 709612"/>
              <a:gd name="connsiteX14" fmla="*/ 45244 w 664369"/>
              <a:gd name="connsiteY14" fmla="*/ 426244 h 709612"/>
              <a:gd name="connsiteX15" fmla="*/ 52388 w 664369"/>
              <a:gd name="connsiteY15" fmla="*/ 442912 h 709612"/>
              <a:gd name="connsiteX16" fmla="*/ 0 w 664369"/>
              <a:gd name="connsiteY16" fmla="*/ 507206 h 709612"/>
              <a:gd name="connsiteX17" fmla="*/ 33338 w 664369"/>
              <a:gd name="connsiteY17" fmla="*/ 611981 h 709612"/>
              <a:gd name="connsiteX18" fmla="*/ 88106 w 664369"/>
              <a:gd name="connsiteY18" fmla="*/ 647700 h 709612"/>
              <a:gd name="connsiteX19" fmla="*/ 104775 w 664369"/>
              <a:gd name="connsiteY19" fmla="*/ 642937 h 709612"/>
              <a:gd name="connsiteX20" fmla="*/ 152400 w 664369"/>
              <a:gd name="connsiteY20" fmla="*/ 690562 h 709612"/>
              <a:gd name="connsiteX21" fmla="*/ 169069 w 664369"/>
              <a:gd name="connsiteY21" fmla="*/ 690562 h 709612"/>
              <a:gd name="connsiteX22" fmla="*/ 214313 w 664369"/>
              <a:gd name="connsiteY22" fmla="*/ 709612 h 709612"/>
              <a:gd name="connsiteX23" fmla="*/ 230981 w 664369"/>
              <a:gd name="connsiteY23" fmla="*/ 671512 h 709612"/>
              <a:gd name="connsiteX24" fmla="*/ 264319 w 664369"/>
              <a:gd name="connsiteY24" fmla="*/ 652462 h 709612"/>
              <a:gd name="connsiteX25" fmla="*/ 285750 w 664369"/>
              <a:gd name="connsiteY25" fmla="*/ 650081 h 709612"/>
              <a:gd name="connsiteX26" fmla="*/ 352425 w 664369"/>
              <a:gd name="connsiteY26" fmla="*/ 609600 h 709612"/>
              <a:gd name="connsiteX27" fmla="*/ 369094 w 664369"/>
              <a:gd name="connsiteY27" fmla="*/ 602456 h 709612"/>
              <a:gd name="connsiteX28" fmla="*/ 366713 w 664369"/>
              <a:gd name="connsiteY28" fmla="*/ 564356 h 709612"/>
              <a:gd name="connsiteX29" fmla="*/ 369094 w 664369"/>
              <a:gd name="connsiteY29" fmla="*/ 533400 h 709612"/>
              <a:gd name="connsiteX30" fmla="*/ 373856 w 664369"/>
              <a:gd name="connsiteY30" fmla="*/ 502444 h 709612"/>
              <a:gd name="connsiteX31" fmla="*/ 381000 w 664369"/>
              <a:gd name="connsiteY31" fmla="*/ 478631 h 709612"/>
              <a:gd name="connsiteX32" fmla="*/ 407194 w 664369"/>
              <a:gd name="connsiteY32" fmla="*/ 440531 h 709612"/>
              <a:gd name="connsiteX33" fmla="*/ 428625 w 664369"/>
              <a:gd name="connsiteY33" fmla="*/ 390525 h 709612"/>
              <a:gd name="connsiteX34" fmla="*/ 428625 w 664369"/>
              <a:gd name="connsiteY34" fmla="*/ 390525 h 709612"/>
              <a:gd name="connsiteX35" fmla="*/ 476250 w 664369"/>
              <a:gd name="connsiteY35" fmla="*/ 359569 h 709612"/>
              <a:gd name="connsiteX36" fmla="*/ 502444 w 664369"/>
              <a:gd name="connsiteY36" fmla="*/ 335756 h 709612"/>
              <a:gd name="connsiteX37" fmla="*/ 507206 w 664369"/>
              <a:gd name="connsiteY37" fmla="*/ 297656 h 709612"/>
              <a:gd name="connsiteX38" fmla="*/ 573881 w 664369"/>
              <a:gd name="connsiteY38" fmla="*/ 192881 h 709612"/>
              <a:gd name="connsiteX39" fmla="*/ 571500 w 664369"/>
              <a:gd name="connsiteY39" fmla="*/ 173831 h 709612"/>
              <a:gd name="connsiteX40" fmla="*/ 573881 w 664369"/>
              <a:gd name="connsiteY40" fmla="*/ 164306 h 709612"/>
              <a:gd name="connsiteX41" fmla="*/ 614363 w 664369"/>
              <a:gd name="connsiteY41" fmla="*/ 154781 h 709612"/>
              <a:gd name="connsiteX42" fmla="*/ 628650 w 664369"/>
              <a:gd name="connsiteY42" fmla="*/ 164306 h 709612"/>
              <a:gd name="connsiteX43" fmla="*/ 647700 w 664369"/>
              <a:gd name="connsiteY43" fmla="*/ 166687 h 709612"/>
              <a:gd name="connsiteX44" fmla="*/ 659606 w 664369"/>
              <a:gd name="connsiteY44" fmla="*/ 138112 h 709612"/>
              <a:gd name="connsiteX45" fmla="*/ 664369 w 664369"/>
              <a:gd name="connsiteY45" fmla="*/ 123825 h 709612"/>
              <a:gd name="connsiteX46" fmla="*/ 645319 w 664369"/>
              <a:gd name="connsiteY46" fmla="*/ 109537 h 709612"/>
              <a:gd name="connsiteX47" fmla="*/ 642938 w 664369"/>
              <a:gd name="connsiteY47" fmla="*/ 97631 h 709612"/>
              <a:gd name="connsiteX48" fmla="*/ 621506 w 664369"/>
              <a:gd name="connsiteY48" fmla="*/ 88106 h 709612"/>
              <a:gd name="connsiteX49" fmla="*/ 590550 w 664369"/>
              <a:gd name="connsiteY49" fmla="*/ 92869 h 709612"/>
              <a:gd name="connsiteX50" fmla="*/ 573881 w 664369"/>
              <a:gd name="connsiteY50" fmla="*/ 109537 h 709612"/>
              <a:gd name="connsiteX51" fmla="*/ 564356 w 664369"/>
              <a:gd name="connsiteY51" fmla="*/ 121444 h 709612"/>
              <a:gd name="connsiteX52" fmla="*/ 547688 w 664369"/>
              <a:gd name="connsiteY52" fmla="*/ 130969 h 709612"/>
              <a:gd name="connsiteX53" fmla="*/ 528638 w 664369"/>
              <a:gd name="connsiteY53" fmla="*/ 138112 h 709612"/>
              <a:gd name="connsiteX54" fmla="*/ 516731 w 664369"/>
              <a:gd name="connsiteY54" fmla="*/ 133350 h 709612"/>
              <a:gd name="connsiteX55" fmla="*/ 502444 w 664369"/>
              <a:gd name="connsiteY55" fmla="*/ 133350 h 709612"/>
              <a:gd name="connsiteX56" fmla="*/ 495300 w 664369"/>
              <a:gd name="connsiteY56" fmla="*/ 126206 h 709612"/>
              <a:gd name="connsiteX57" fmla="*/ 478631 w 664369"/>
              <a:gd name="connsiteY57" fmla="*/ 169069 h 709612"/>
              <a:gd name="connsiteX58" fmla="*/ 469106 w 664369"/>
              <a:gd name="connsiteY58" fmla="*/ 178594 h 709612"/>
              <a:gd name="connsiteX59" fmla="*/ 459581 w 664369"/>
              <a:gd name="connsiteY59" fmla="*/ 178594 h 709612"/>
              <a:gd name="connsiteX60" fmla="*/ 459581 w 664369"/>
              <a:gd name="connsiteY60" fmla="*/ 178594 h 709612"/>
              <a:gd name="connsiteX61" fmla="*/ 445294 w 664369"/>
              <a:gd name="connsiteY61" fmla="*/ 192881 h 709612"/>
              <a:gd name="connsiteX62" fmla="*/ 431006 w 664369"/>
              <a:gd name="connsiteY62" fmla="*/ 204787 h 709612"/>
              <a:gd name="connsiteX63" fmla="*/ 421481 w 664369"/>
              <a:gd name="connsiteY63" fmla="*/ 211931 h 709612"/>
              <a:gd name="connsiteX64" fmla="*/ 411956 w 664369"/>
              <a:gd name="connsiteY64" fmla="*/ 190500 h 709612"/>
              <a:gd name="connsiteX65" fmla="*/ 397669 w 664369"/>
              <a:gd name="connsiteY65" fmla="*/ 169069 h 709612"/>
              <a:gd name="connsiteX66" fmla="*/ 385763 w 664369"/>
              <a:gd name="connsiteY66" fmla="*/ 150019 h 709612"/>
              <a:gd name="connsiteX67" fmla="*/ 247650 w 664369"/>
              <a:gd name="connsiteY67" fmla="*/ 185737 h 709612"/>
              <a:gd name="connsiteX68" fmla="*/ 202406 w 664369"/>
              <a:gd name="connsiteY68" fmla="*/ 0 h 709612"/>
              <a:gd name="connsiteX69" fmla="*/ 190500 w 664369"/>
              <a:gd name="connsiteY69" fmla="*/ 4762 h 709612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80963 w 664369"/>
              <a:gd name="connsiteY11" fmla="*/ 397669 h 728705"/>
              <a:gd name="connsiteX12" fmla="*/ 69056 w 664369"/>
              <a:gd name="connsiteY12" fmla="*/ 37385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169069 w 664369"/>
              <a:gd name="connsiteY21" fmla="*/ 690562 h 728705"/>
              <a:gd name="connsiteX22" fmla="*/ 214313 w 664369"/>
              <a:gd name="connsiteY22" fmla="*/ 728705 h 728705"/>
              <a:gd name="connsiteX23" fmla="*/ 230981 w 664369"/>
              <a:gd name="connsiteY23" fmla="*/ 671512 h 728705"/>
              <a:gd name="connsiteX24" fmla="*/ 264319 w 664369"/>
              <a:gd name="connsiteY24" fmla="*/ 652462 h 728705"/>
              <a:gd name="connsiteX25" fmla="*/ 285750 w 664369"/>
              <a:gd name="connsiteY25" fmla="*/ 650081 h 728705"/>
              <a:gd name="connsiteX26" fmla="*/ 352425 w 664369"/>
              <a:gd name="connsiteY26" fmla="*/ 609600 h 728705"/>
              <a:gd name="connsiteX27" fmla="*/ 369094 w 664369"/>
              <a:gd name="connsiteY27" fmla="*/ 602456 h 728705"/>
              <a:gd name="connsiteX28" fmla="*/ 366713 w 664369"/>
              <a:gd name="connsiteY28" fmla="*/ 564356 h 728705"/>
              <a:gd name="connsiteX29" fmla="*/ 369094 w 664369"/>
              <a:gd name="connsiteY29" fmla="*/ 533400 h 728705"/>
              <a:gd name="connsiteX30" fmla="*/ 373856 w 664369"/>
              <a:gd name="connsiteY30" fmla="*/ 502444 h 728705"/>
              <a:gd name="connsiteX31" fmla="*/ 381000 w 664369"/>
              <a:gd name="connsiteY31" fmla="*/ 478631 h 728705"/>
              <a:gd name="connsiteX32" fmla="*/ 407194 w 664369"/>
              <a:gd name="connsiteY32" fmla="*/ 440531 h 728705"/>
              <a:gd name="connsiteX33" fmla="*/ 428625 w 664369"/>
              <a:gd name="connsiteY33" fmla="*/ 390525 h 728705"/>
              <a:gd name="connsiteX34" fmla="*/ 428625 w 664369"/>
              <a:gd name="connsiteY34" fmla="*/ 390525 h 728705"/>
              <a:gd name="connsiteX35" fmla="*/ 476250 w 664369"/>
              <a:gd name="connsiteY35" fmla="*/ 359569 h 728705"/>
              <a:gd name="connsiteX36" fmla="*/ 502444 w 664369"/>
              <a:gd name="connsiteY36" fmla="*/ 335756 h 728705"/>
              <a:gd name="connsiteX37" fmla="*/ 507206 w 664369"/>
              <a:gd name="connsiteY37" fmla="*/ 297656 h 728705"/>
              <a:gd name="connsiteX38" fmla="*/ 573881 w 664369"/>
              <a:gd name="connsiteY38" fmla="*/ 192881 h 728705"/>
              <a:gd name="connsiteX39" fmla="*/ 571500 w 664369"/>
              <a:gd name="connsiteY39" fmla="*/ 173831 h 728705"/>
              <a:gd name="connsiteX40" fmla="*/ 573881 w 664369"/>
              <a:gd name="connsiteY40" fmla="*/ 164306 h 728705"/>
              <a:gd name="connsiteX41" fmla="*/ 614363 w 664369"/>
              <a:gd name="connsiteY41" fmla="*/ 154781 h 728705"/>
              <a:gd name="connsiteX42" fmla="*/ 628650 w 664369"/>
              <a:gd name="connsiteY42" fmla="*/ 164306 h 728705"/>
              <a:gd name="connsiteX43" fmla="*/ 647700 w 664369"/>
              <a:gd name="connsiteY43" fmla="*/ 166687 h 728705"/>
              <a:gd name="connsiteX44" fmla="*/ 659606 w 664369"/>
              <a:gd name="connsiteY44" fmla="*/ 138112 h 728705"/>
              <a:gd name="connsiteX45" fmla="*/ 664369 w 664369"/>
              <a:gd name="connsiteY45" fmla="*/ 123825 h 728705"/>
              <a:gd name="connsiteX46" fmla="*/ 645319 w 664369"/>
              <a:gd name="connsiteY46" fmla="*/ 109537 h 728705"/>
              <a:gd name="connsiteX47" fmla="*/ 642938 w 664369"/>
              <a:gd name="connsiteY47" fmla="*/ 97631 h 728705"/>
              <a:gd name="connsiteX48" fmla="*/ 621506 w 664369"/>
              <a:gd name="connsiteY48" fmla="*/ 88106 h 728705"/>
              <a:gd name="connsiteX49" fmla="*/ 590550 w 664369"/>
              <a:gd name="connsiteY49" fmla="*/ 92869 h 728705"/>
              <a:gd name="connsiteX50" fmla="*/ 573881 w 664369"/>
              <a:gd name="connsiteY50" fmla="*/ 109537 h 728705"/>
              <a:gd name="connsiteX51" fmla="*/ 564356 w 664369"/>
              <a:gd name="connsiteY51" fmla="*/ 121444 h 728705"/>
              <a:gd name="connsiteX52" fmla="*/ 547688 w 664369"/>
              <a:gd name="connsiteY52" fmla="*/ 130969 h 728705"/>
              <a:gd name="connsiteX53" fmla="*/ 528638 w 664369"/>
              <a:gd name="connsiteY53" fmla="*/ 138112 h 728705"/>
              <a:gd name="connsiteX54" fmla="*/ 516731 w 664369"/>
              <a:gd name="connsiteY54" fmla="*/ 133350 h 728705"/>
              <a:gd name="connsiteX55" fmla="*/ 502444 w 664369"/>
              <a:gd name="connsiteY55" fmla="*/ 133350 h 728705"/>
              <a:gd name="connsiteX56" fmla="*/ 495300 w 664369"/>
              <a:gd name="connsiteY56" fmla="*/ 126206 h 728705"/>
              <a:gd name="connsiteX57" fmla="*/ 478631 w 664369"/>
              <a:gd name="connsiteY57" fmla="*/ 169069 h 728705"/>
              <a:gd name="connsiteX58" fmla="*/ 469106 w 664369"/>
              <a:gd name="connsiteY58" fmla="*/ 178594 h 728705"/>
              <a:gd name="connsiteX59" fmla="*/ 459581 w 664369"/>
              <a:gd name="connsiteY59" fmla="*/ 178594 h 728705"/>
              <a:gd name="connsiteX60" fmla="*/ 459581 w 664369"/>
              <a:gd name="connsiteY60" fmla="*/ 178594 h 728705"/>
              <a:gd name="connsiteX61" fmla="*/ 445294 w 664369"/>
              <a:gd name="connsiteY61" fmla="*/ 192881 h 728705"/>
              <a:gd name="connsiteX62" fmla="*/ 431006 w 664369"/>
              <a:gd name="connsiteY62" fmla="*/ 204787 h 728705"/>
              <a:gd name="connsiteX63" fmla="*/ 421481 w 664369"/>
              <a:gd name="connsiteY63" fmla="*/ 211931 h 728705"/>
              <a:gd name="connsiteX64" fmla="*/ 411956 w 664369"/>
              <a:gd name="connsiteY64" fmla="*/ 190500 h 728705"/>
              <a:gd name="connsiteX65" fmla="*/ 397669 w 664369"/>
              <a:gd name="connsiteY65" fmla="*/ 169069 h 728705"/>
              <a:gd name="connsiteX66" fmla="*/ 385763 w 664369"/>
              <a:gd name="connsiteY66" fmla="*/ 150019 h 728705"/>
              <a:gd name="connsiteX67" fmla="*/ 247650 w 664369"/>
              <a:gd name="connsiteY67" fmla="*/ 185737 h 728705"/>
              <a:gd name="connsiteX68" fmla="*/ 202406 w 664369"/>
              <a:gd name="connsiteY68" fmla="*/ 0 h 728705"/>
              <a:gd name="connsiteX69" fmla="*/ 190500 w 664369"/>
              <a:gd name="connsiteY69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80963 w 664369"/>
              <a:gd name="connsiteY11" fmla="*/ 397669 h 728705"/>
              <a:gd name="connsiteX12" fmla="*/ 69056 w 664369"/>
              <a:gd name="connsiteY12" fmla="*/ 37385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169069 w 664369"/>
              <a:gd name="connsiteY21" fmla="*/ 690562 h 728705"/>
              <a:gd name="connsiteX22" fmla="*/ 214313 w 664369"/>
              <a:gd name="connsiteY22" fmla="*/ 728705 h 728705"/>
              <a:gd name="connsiteX23" fmla="*/ 230981 w 664369"/>
              <a:gd name="connsiteY23" fmla="*/ 671512 h 728705"/>
              <a:gd name="connsiteX24" fmla="*/ 264319 w 664369"/>
              <a:gd name="connsiteY24" fmla="*/ 652462 h 728705"/>
              <a:gd name="connsiteX25" fmla="*/ 285750 w 664369"/>
              <a:gd name="connsiteY25" fmla="*/ 650081 h 728705"/>
              <a:gd name="connsiteX26" fmla="*/ 354803 w 664369"/>
              <a:gd name="connsiteY26" fmla="*/ 628692 h 728705"/>
              <a:gd name="connsiteX27" fmla="*/ 369094 w 664369"/>
              <a:gd name="connsiteY27" fmla="*/ 602456 h 728705"/>
              <a:gd name="connsiteX28" fmla="*/ 366713 w 664369"/>
              <a:gd name="connsiteY28" fmla="*/ 564356 h 728705"/>
              <a:gd name="connsiteX29" fmla="*/ 369094 w 664369"/>
              <a:gd name="connsiteY29" fmla="*/ 533400 h 728705"/>
              <a:gd name="connsiteX30" fmla="*/ 373856 w 664369"/>
              <a:gd name="connsiteY30" fmla="*/ 502444 h 728705"/>
              <a:gd name="connsiteX31" fmla="*/ 381000 w 664369"/>
              <a:gd name="connsiteY31" fmla="*/ 478631 h 728705"/>
              <a:gd name="connsiteX32" fmla="*/ 407194 w 664369"/>
              <a:gd name="connsiteY32" fmla="*/ 440531 h 728705"/>
              <a:gd name="connsiteX33" fmla="*/ 428625 w 664369"/>
              <a:gd name="connsiteY33" fmla="*/ 390525 h 728705"/>
              <a:gd name="connsiteX34" fmla="*/ 428625 w 664369"/>
              <a:gd name="connsiteY34" fmla="*/ 390525 h 728705"/>
              <a:gd name="connsiteX35" fmla="*/ 476250 w 664369"/>
              <a:gd name="connsiteY35" fmla="*/ 359569 h 728705"/>
              <a:gd name="connsiteX36" fmla="*/ 502444 w 664369"/>
              <a:gd name="connsiteY36" fmla="*/ 335756 h 728705"/>
              <a:gd name="connsiteX37" fmla="*/ 507206 w 664369"/>
              <a:gd name="connsiteY37" fmla="*/ 297656 h 728705"/>
              <a:gd name="connsiteX38" fmla="*/ 573881 w 664369"/>
              <a:gd name="connsiteY38" fmla="*/ 192881 h 728705"/>
              <a:gd name="connsiteX39" fmla="*/ 571500 w 664369"/>
              <a:gd name="connsiteY39" fmla="*/ 173831 h 728705"/>
              <a:gd name="connsiteX40" fmla="*/ 573881 w 664369"/>
              <a:gd name="connsiteY40" fmla="*/ 164306 h 728705"/>
              <a:gd name="connsiteX41" fmla="*/ 614363 w 664369"/>
              <a:gd name="connsiteY41" fmla="*/ 154781 h 728705"/>
              <a:gd name="connsiteX42" fmla="*/ 628650 w 664369"/>
              <a:gd name="connsiteY42" fmla="*/ 164306 h 728705"/>
              <a:gd name="connsiteX43" fmla="*/ 647700 w 664369"/>
              <a:gd name="connsiteY43" fmla="*/ 166687 h 728705"/>
              <a:gd name="connsiteX44" fmla="*/ 659606 w 664369"/>
              <a:gd name="connsiteY44" fmla="*/ 138112 h 728705"/>
              <a:gd name="connsiteX45" fmla="*/ 664369 w 664369"/>
              <a:gd name="connsiteY45" fmla="*/ 123825 h 728705"/>
              <a:gd name="connsiteX46" fmla="*/ 645319 w 664369"/>
              <a:gd name="connsiteY46" fmla="*/ 109537 h 728705"/>
              <a:gd name="connsiteX47" fmla="*/ 642938 w 664369"/>
              <a:gd name="connsiteY47" fmla="*/ 97631 h 728705"/>
              <a:gd name="connsiteX48" fmla="*/ 621506 w 664369"/>
              <a:gd name="connsiteY48" fmla="*/ 88106 h 728705"/>
              <a:gd name="connsiteX49" fmla="*/ 590550 w 664369"/>
              <a:gd name="connsiteY49" fmla="*/ 92869 h 728705"/>
              <a:gd name="connsiteX50" fmla="*/ 573881 w 664369"/>
              <a:gd name="connsiteY50" fmla="*/ 109537 h 728705"/>
              <a:gd name="connsiteX51" fmla="*/ 564356 w 664369"/>
              <a:gd name="connsiteY51" fmla="*/ 121444 h 728705"/>
              <a:gd name="connsiteX52" fmla="*/ 547688 w 664369"/>
              <a:gd name="connsiteY52" fmla="*/ 130969 h 728705"/>
              <a:gd name="connsiteX53" fmla="*/ 528638 w 664369"/>
              <a:gd name="connsiteY53" fmla="*/ 138112 h 728705"/>
              <a:gd name="connsiteX54" fmla="*/ 516731 w 664369"/>
              <a:gd name="connsiteY54" fmla="*/ 133350 h 728705"/>
              <a:gd name="connsiteX55" fmla="*/ 502444 w 664369"/>
              <a:gd name="connsiteY55" fmla="*/ 133350 h 728705"/>
              <a:gd name="connsiteX56" fmla="*/ 495300 w 664369"/>
              <a:gd name="connsiteY56" fmla="*/ 126206 h 728705"/>
              <a:gd name="connsiteX57" fmla="*/ 478631 w 664369"/>
              <a:gd name="connsiteY57" fmla="*/ 169069 h 728705"/>
              <a:gd name="connsiteX58" fmla="*/ 469106 w 664369"/>
              <a:gd name="connsiteY58" fmla="*/ 178594 h 728705"/>
              <a:gd name="connsiteX59" fmla="*/ 459581 w 664369"/>
              <a:gd name="connsiteY59" fmla="*/ 178594 h 728705"/>
              <a:gd name="connsiteX60" fmla="*/ 459581 w 664369"/>
              <a:gd name="connsiteY60" fmla="*/ 178594 h 728705"/>
              <a:gd name="connsiteX61" fmla="*/ 445294 w 664369"/>
              <a:gd name="connsiteY61" fmla="*/ 192881 h 728705"/>
              <a:gd name="connsiteX62" fmla="*/ 431006 w 664369"/>
              <a:gd name="connsiteY62" fmla="*/ 204787 h 728705"/>
              <a:gd name="connsiteX63" fmla="*/ 421481 w 664369"/>
              <a:gd name="connsiteY63" fmla="*/ 211931 h 728705"/>
              <a:gd name="connsiteX64" fmla="*/ 411956 w 664369"/>
              <a:gd name="connsiteY64" fmla="*/ 190500 h 728705"/>
              <a:gd name="connsiteX65" fmla="*/ 397669 w 664369"/>
              <a:gd name="connsiteY65" fmla="*/ 169069 h 728705"/>
              <a:gd name="connsiteX66" fmla="*/ 385763 w 664369"/>
              <a:gd name="connsiteY66" fmla="*/ 150019 h 728705"/>
              <a:gd name="connsiteX67" fmla="*/ 247650 w 664369"/>
              <a:gd name="connsiteY67" fmla="*/ 185737 h 728705"/>
              <a:gd name="connsiteX68" fmla="*/ 202406 w 664369"/>
              <a:gd name="connsiteY68" fmla="*/ 0 h 728705"/>
              <a:gd name="connsiteX69" fmla="*/ 190500 w 664369"/>
              <a:gd name="connsiteY69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80963 w 664369"/>
              <a:gd name="connsiteY11" fmla="*/ 397669 h 728705"/>
              <a:gd name="connsiteX12" fmla="*/ 69056 w 664369"/>
              <a:gd name="connsiteY12" fmla="*/ 37385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169069 w 664369"/>
              <a:gd name="connsiteY21" fmla="*/ 690562 h 728705"/>
              <a:gd name="connsiteX22" fmla="*/ 214313 w 664369"/>
              <a:gd name="connsiteY22" fmla="*/ 728705 h 728705"/>
              <a:gd name="connsiteX23" fmla="*/ 230981 w 664369"/>
              <a:gd name="connsiteY23" fmla="*/ 671512 h 728705"/>
              <a:gd name="connsiteX24" fmla="*/ 285750 w 664369"/>
              <a:gd name="connsiteY24" fmla="*/ 650081 h 728705"/>
              <a:gd name="connsiteX25" fmla="*/ 354803 w 664369"/>
              <a:gd name="connsiteY25" fmla="*/ 628692 h 728705"/>
              <a:gd name="connsiteX26" fmla="*/ 369094 w 664369"/>
              <a:gd name="connsiteY26" fmla="*/ 602456 h 728705"/>
              <a:gd name="connsiteX27" fmla="*/ 366713 w 664369"/>
              <a:gd name="connsiteY27" fmla="*/ 564356 h 728705"/>
              <a:gd name="connsiteX28" fmla="*/ 369094 w 664369"/>
              <a:gd name="connsiteY28" fmla="*/ 533400 h 728705"/>
              <a:gd name="connsiteX29" fmla="*/ 373856 w 664369"/>
              <a:gd name="connsiteY29" fmla="*/ 502444 h 728705"/>
              <a:gd name="connsiteX30" fmla="*/ 381000 w 664369"/>
              <a:gd name="connsiteY30" fmla="*/ 478631 h 728705"/>
              <a:gd name="connsiteX31" fmla="*/ 407194 w 664369"/>
              <a:gd name="connsiteY31" fmla="*/ 440531 h 728705"/>
              <a:gd name="connsiteX32" fmla="*/ 428625 w 664369"/>
              <a:gd name="connsiteY32" fmla="*/ 390525 h 728705"/>
              <a:gd name="connsiteX33" fmla="*/ 428625 w 664369"/>
              <a:gd name="connsiteY33" fmla="*/ 390525 h 728705"/>
              <a:gd name="connsiteX34" fmla="*/ 476250 w 664369"/>
              <a:gd name="connsiteY34" fmla="*/ 359569 h 728705"/>
              <a:gd name="connsiteX35" fmla="*/ 502444 w 664369"/>
              <a:gd name="connsiteY35" fmla="*/ 335756 h 728705"/>
              <a:gd name="connsiteX36" fmla="*/ 507206 w 664369"/>
              <a:gd name="connsiteY36" fmla="*/ 297656 h 728705"/>
              <a:gd name="connsiteX37" fmla="*/ 573881 w 664369"/>
              <a:gd name="connsiteY37" fmla="*/ 192881 h 728705"/>
              <a:gd name="connsiteX38" fmla="*/ 571500 w 664369"/>
              <a:gd name="connsiteY38" fmla="*/ 173831 h 728705"/>
              <a:gd name="connsiteX39" fmla="*/ 573881 w 664369"/>
              <a:gd name="connsiteY39" fmla="*/ 164306 h 728705"/>
              <a:gd name="connsiteX40" fmla="*/ 614363 w 664369"/>
              <a:gd name="connsiteY40" fmla="*/ 154781 h 728705"/>
              <a:gd name="connsiteX41" fmla="*/ 628650 w 664369"/>
              <a:gd name="connsiteY41" fmla="*/ 164306 h 728705"/>
              <a:gd name="connsiteX42" fmla="*/ 647700 w 664369"/>
              <a:gd name="connsiteY42" fmla="*/ 166687 h 728705"/>
              <a:gd name="connsiteX43" fmla="*/ 659606 w 664369"/>
              <a:gd name="connsiteY43" fmla="*/ 138112 h 728705"/>
              <a:gd name="connsiteX44" fmla="*/ 664369 w 664369"/>
              <a:gd name="connsiteY44" fmla="*/ 123825 h 728705"/>
              <a:gd name="connsiteX45" fmla="*/ 645319 w 664369"/>
              <a:gd name="connsiteY45" fmla="*/ 109537 h 728705"/>
              <a:gd name="connsiteX46" fmla="*/ 642938 w 664369"/>
              <a:gd name="connsiteY46" fmla="*/ 97631 h 728705"/>
              <a:gd name="connsiteX47" fmla="*/ 621506 w 664369"/>
              <a:gd name="connsiteY47" fmla="*/ 88106 h 728705"/>
              <a:gd name="connsiteX48" fmla="*/ 590550 w 664369"/>
              <a:gd name="connsiteY48" fmla="*/ 92869 h 728705"/>
              <a:gd name="connsiteX49" fmla="*/ 573881 w 664369"/>
              <a:gd name="connsiteY49" fmla="*/ 109537 h 728705"/>
              <a:gd name="connsiteX50" fmla="*/ 564356 w 664369"/>
              <a:gd name="connsiteY50" fmla="*/ 121444 h 728705"/>
              <a:gd name="connsiteX51" fmla="*/ 547688 w 664369"/>
              <a:gd name="connsiteY51" fmla="*/ 130969 h 728705"/>
              <a:gd name="connsiteX52" fmla="*/ 528638 w 664369"/>
              <a:gd name="connsiteY52" fmla="*/ 138112 h 728705"/>
              <a:gd name="connsiteX53" fmla="*/ 516731 w 664369"/>
              <a:gd name="connsiteY53" fmla="*/ 133350 h 728705"/>
              <a:gd name="connsiteX54" fmla="*/ 502444 w 664369"/>
              <a:gd name="connsiteY54" fmla="*/ 133350 h 728705"/>
              <a:gd name="connsiteX55" fmla="*/ 495300 w 664369"/>
              <a:gd name="connsiteY55" fmla="*/ 126206 h 728705"/>
              <a:gd name="connsiteX56" fmla="*/ 478631 w 664369"/>
              <a:gd name="connsiteY56" fmla="*/ 169069 h 728705"/>
              <a:gd name="connsiteX57" fmla="*/ 469106 w 664369"/>
              <a:gd name="connsiteY57" fmla="*/ 178594 h 728705"/>
              <a:gd name="connsiteX58" fmla="*/ 459581 w 664369"/>
              <a:gd name="connsiteY58" fmla="*/ 178594 h 728705"/>
              <a:gd name="connsiteX59" fmla="*/ 459581 w 664369"/>
              <a:gd name="connsiteY59" fmla="*/ 178594 h 728705"/>
              <a:gd name="connsiteX60" fmla="*/ 445294 w 664369"/>
              <a:gd name="connsiteY60" fmla="*/ 192881 h 728705"/>
              <a:gd name="connsiteX61" fmla="*/ 431006 w 664369"/>
              <a:gd name="connsiteY61" fmla="*/ 204787 h 728705"/>
              <a:gd name="connsiteX62" fmla="*/ 421481 w 664369"/>
              <a:gd name="connsiteY62" fmla="*/ 211931 h 728705"/>
              <a:gd name="connsiteX63" fmla="*/ 411956 w 664369"/>
              <a:gd name="connsiteY63" fmla="*/ 190500 h 728705"/>
              <a:gd name="connsiteX64" fmla="*/ 397669 w 664369"/>
              <a:gd name="connsiteY64" fmla="*/ 169069 h 728705"/>
              <a:gd name="connsiteX65" fmla="*/ 385763 w 664369"/>
              <a:gd name="connsiteY65" fmla="*/ 150019 h 728705"/>
              <a:gd name="connsiteX66" fmla="*/ 247650 w 664369"/>
              <a:gd name="connsiteY66" fmla="*/ 185737 h 728705"/>
              <a:gd name="connsiteX67" fmla="*/ 202406 w 664369"/>
              <a:gd name="connsiteY67" fmla="*/ 0 h 728705"/>
              <a:gd name="connsiteX68" fmla="*/ 190500 w 664369"/>
              <a:gd name="connsiteY68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80963 w 664369"/>
              <a:gd name="connsiteY11" fmla="*/ 397669 h 728705"/>
              <a:gd name="connsiteX12" fmla="*/ 69056 w 664369"/>
              <a:gd name="connsiteY12" fmla="*/ 37385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214313 w 664369"/>
              <a:gd name="connsiteY21" fmla="*/ 728705 h 728705"/>
              <a:gd name="connsiteX22" fmla="*/ 230981 w 664369"/>
              <a:gd name="connsiteY22" fmla="*/ 671512 h 728705"/>
              <a:gd name="connsiteX23" fmla="*/ 285750 w 664369"/>
              <a:gd name="connsiteY23" fmla="*/ 650081 h 728705"/>
              <a:gd name="connsiteX24" fmla="*/ 354803 w 664369"/>
              <a:gd name="connsiteY24" fmla="*/ 628692 h 728705"/>
              <a:gd name="connsiteX25" fmla="*/ 369094 w 664369"/>
              <a:gd name="connsiteY25" fmla="*/ 602456 h 728705"/>
              <a:gd name="connsiteX26" fmla="*/ 366713 w 664369"/>
              <a:gd name="connsiteY26" fmla="*/ 564356 h 728705"/>
              <a:gd name="connsiteX27" fmla="*/ 369094 w 664369"/>
              <a:gd name="connsiteY27" fmla="*/ 533400 h 728705"/>
              <a:gd name="connsiteX28" fmla="*/ 373856 w 664369"/>
              <a:gd name="connsiteY28" fmla="*/ 502444 h 728705"/>
              <a:gd name="connsiteX29" fmla="*/ 381000 w 664369"/>
              <a:gd name="connsiteY29" fmla="*/ 478631 h 728705"/>
              <a:gd name="connsiteX30" fmla="*/ 407194 w 664369"/>
              <a:gd name="connsiteY30" fmla="*/ 440531 h 728705"/>
              <a:gd name="connsiteX31" fmla="*/ 428625 w 664369"/>
              <a:gd name="connsiteY31" fmla="*/ 390525 h 728705"/>
              <a:gd name="connsiteX32" fmla="*/ 428625 w 664369"/>
              <a:gd name="connsiteY32" fmla="*/ 390525 h 728705"/>
              <a:gd name="connsiteX33" fmla="*/ 476250 w 664369"/>
              <a:gd name="connsiteY33" fmla="*/ 359569 h 728705"/>
              <a:gd name="connsiteX34" fmla="*/ 502444 w 664369"/>
              <a:gd name="connsiteY34" fmla="*/ 335756 h 728705"/>
              <a:gd name="connsiteX35" fmla="*/ 507206 w 664369"/>
              <a:gd name="connsiteY35" fmla="*/ 297656 h 728705"/>
              <a:gd name="connsiteX36" fmla="*/ 573881 w 664369"/>
              <a:gd name="connsiteY36" fmla="*/ 192881 h 728705"/>
              <a:gd name="connsiteX37" fmla="*/ 571500 w 664369"/>
              <a:gd name="connsiteY37" fmla="*/ 173831 h 728705"/>
              <a:gd name="connsiteX38" fmla="*/ 573881 w 664369"/>
              <a:gd name="connsiteY38" fmla="*/ 164306 h 728705"/>
              <a:gd name="connsiteX39" fmla="*/ 614363 w 664369"/>
              <a:gd name="connsiteY39" fmla="*/ 154781 h 728705"/>
              <a:gd name="connsiteX40" fmla="*/ 628650 w 664369"/>
              <a:gd name="connsiteY40" fmla="*/ 164306 h 728705"/>
              <a:gd name="connsiteX41" fmla="*/ 647700 w 664369"/>
              <a:gd name="connsiteY41" fmla="*/ 166687 h 728705"/>
              <a:gd name="connsiteX42" fmla="*/ 659606 w 664369"/>
              <a:gd name="connsiteY42" fmla="*/ 138112 h 728705"/>
              <a:gd name="connsiteX43" fmla="*/ 664369 w 664369"/>
              <a:gd name="connsiteY43" fmla="*/ 123825 h 728705"/>
              <a:gd name="connsiteX44" fmla="*/ 645319 w 664369"/>
              <a:gd name="connsiteY44" fmla="*/ 109537 h 728705"/>
              <a:gd name="connsiteX45" fmla="*/ 642938 w 664369"/>
              <a:gd name="connsiteY45" fmla="*/ 97631 h 728705"/>
              <a:gd name="connsiteX46" fmla="*/ 621506 w 664369"/>
              <a:gd name="connsiteY46" fmla="*/ 88106 h 728705"/>
              <a:gd name="connsiteX47" fmla="*/ 590550 w 664369"/>
              <a:gd name="connsiteY47" fmla="*/ 92869 h 728705"/>
              <a:gd name="connsiteX48" fmla="*/ 573881 w 664369"/>
              <a:gd name="connsiteY48" fmla="*/ 109537 h 728705"/>
              <a:gd name="connsiteX49" fmla="*/ 564356 w 664369"/>
              <a:gd name="connsiteY49" fmla="*/ 121444 h 728705"/>
              <a:gd name="connsiteX50" fmla="*/ 547688 w 664369"/>
              <a:gd name="connsiteY50" fmla="*/ 130969 h 728705"/>
              <a:gd name="connsiteX51" fmla="*/ 528638 w 664369"/>
              <a:gd name="connsiteY51" fmla="*/ 138112 h 728705"/>
              <a:gd name="connsiteX52" fmla="*/ 516731 w 664369"/>
              <a:gd name="connsiteY52" fmla="*/ 133350 h 728705"/>
              <a:gd name="connsiteX53" fmla="*/ 502444 w 664369"/>
              <a:gd name="connsiteY53" fmla="*/ 133350 h 728705"/>
              <a:gd name="connsiteX54" fmla="*/ 495300 w 664369"/>
              <a:gd name="connsiteY54" fmla="*/ 126206 h 728705"/>
              <a:gd name="connsiteX55" fmla="*/ 478631 w 664369"/>
              <a:gd name="connsiteY55" fmla="*/ 169069 h 728705"/>
              <a:gd name="connsiteX56" fmla="*/ 469106 w 664369"/>
              <a:gd name="connsiteY56" fmla="*/ 178594 h 728705"/>
              <a:gd name="connsiteX57" fmla="*/ 459581 w 664369"/>
              <a:gd name="connsiteY57" fmla="*/ 178594 h 728705"/>
              <a:gd name="connsiteX58" fmla="*/ 459581 w 664369"/>
              <a:gd name="connsiteY58" fmla="*/ 178594 h 728705"/>
              <a:gd name="connsiteX59" fmla="*/ 445294 w 664369"/>
              <a:gd name="connsiteY59" fmla="*/ 192881 h 728705"/>
              <a:gd name="connsiteX60" fmla="*/ 431006 w 664369"/>
              <a:gd name="connsiteY60" fmla="*/ 204787 h 728705"/>
              <a:gd name="connsiteX61" fmla="*/ 421481 w 664369"/>
              <a:gd name="connsiteY61" fmla="*/ 211931 h 728705"/>
              <a:gd name="connsiteX62" fmla="*/ 411956 w 664369"/>
              <a:gd name="connsiteY62" fmla="*/ 190500 h 728705"/>
              <a:gd name="connsiteX63" fmla="*/ 397669 w 664369"/>
              <a:gd name="connsiteY63" fmla="*/ 169069 h 728705"/>
              <a:gd name="connsiteX64" fmla="*/ 385763 w 664369"/>
              <a:gd name="connsiteY64" fmla="*/ 150019 h 728705"/>
              <a:gd name="connsiteX65" fmla="*/ 247650 w 664369"/>
              <a:gd name="connsiteY65" fmla="*/ 185737 h 728705"/>
              <a:gd name="connsiteX66" fmla="*/ 202406 w 664369"/>
              <a:gd name="connsiteY66" fmla="*/ 0 h 728705"/>
              <a:gd name="connsiteX67" fmla="*/ 190500 w 664369"/>
              <a:gd name="connsiteY67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80963 w 664369"/>
              <a:gd name="connsiteY11" fmla="*/ 397669 h 728705"/>
              <a:gd name="connsiteX12" fmla="*/ 76191 w 664369"/>
              <a:gd name="connsiteY12" fmla="*/ 36669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214313 w 664369"/>
              <a:gd name="connsiteY21" fmla="*/ 728705 h 728705"/>
              <a:gd name="connsiteX22" fmla="*/ 230981 w 664369"/>
              <a:gd name="connsiteY22" fmla="*/ 671512 h 728705"/>
              <a:gd name="connsiteX23" fmla="*/ 285750 w 664369"/>
              <a:gd name="connsiteY23" fmla="*/ 650081 h 728705"/>
              <a:gd name="connsiteX24" fmla="*/ 354803 w 664369"/>
              <a:gd name="connsiteY24" fmla="*/ 628692 h 728705"/>
              <a:gd name="connsiteX25" fmla="*/ 369094 w 664369"/>
              <a:gd name="connsiteY25" fmla="*/ 602456 h 728705"/>
              <a:gd name="connsiteX26" fmla="*/ 366713 w 664369"/>
              <a:gd name="connsiteY26" fmla="*/ 564356 h 728705"/>
              <a:gd name="connsiteX27" fmla="*/ 369094 w 664369"/>
              <a:gd name="connsiteY27" fmla="*/ 533400 h 728705"/>
              <a:gd name="connsiteX28" fmla="*/ 373856 w 664369"/>
              <a:gd name="connsiteY28" fmla="*/ 502444 h 728705"/>
              <a:gd name="connsiteX29" fmla="*/ 381000 w 664369"/>
              <a:gd name="connsiteY29" fmla="*/ 478631 h 728705"/>
              <a:gd name="connsiteX30" fmla="*/ 407194 w 664369"/>
              <a:gd name="connsiteY30" fmla="*/ 440531 h 728705"/>
              <a:gd name="connsiteX31" fmla="*/ 428625 w 664369"/>
              <a:gd name="connsiteY31" fmla="*/ 390525 h 728705"/>
              <a:gd name="connsiteX32" fmla="*/ 428625 w 664369"/>
              <a:gd name="connsiteY32" fmla="*/ 390525 h 728705"/>
              <a:gd name="connsiteX33" fmla="*/ 476250 w 664369"/>
              <a:gd name="connsiteY33" fmla="*/ 359569 h 728705"/>
              <a:gd name="connsiteX34" fmla="*/ 502444 w 664369"/>
              <a:gd name="connsiteY34" fmla="*/ 335756 h 728705"/>
              <a:gd name="connsiteX35" fmla="*/ 507206 w 664369"/>
              <a:gd name="connsiteY35" fmla="*/ 297656 h 728705"/>
              <a:gd name="connsiteX36" fmla="*/ 573881 w 664369"/>
              <a:gd name="connsiteY36" fmla="*/ 192881 h 728705"/>
              <a:gd name="connsiteX37" fmla="*/ 571500 w 664369"/>
              <a:gd name="connsiteY37" fmla="*/ 173831 h 728705"/>
              <a:gd name="connsiteX38" fmla="*/ 573881 w 664369"/>
              <a:gd name="connsiteY38" fmla="*/ 164306 h 728705"/>
              <a:gd name="connsiteX39" fmla="*/ 614363 w 664369"/>
              <a:gd name="connsiteY39" fmla="*/ 154781 h 728705"/>
              <a:gd name="connsiteX40" fmla="*/ 628650 w 664369"/>
              <a:gd name="connsiteY40" fmla="*/ 164306 h 728705"/>
              <a:gd name="connsiteX41" fmla="*/ 647700 w 664369"/>
              <a:gd name="connsiteY41" fmla="*/ 166687 h 728705"/>
              <a:gd name="connsiteX42" fmla="*/ 659606 w 664369"/>
              <a:gd name="connsiteY42" fmla="*/ 138112 h 728705"/>
              <a:gd name="connsiteX43" fmla="*/ 664369 w 664369"/>
              <a:gd name="connsiteY43" fmla="*/ 123825 h 728705"/>
              <a:gd name="connsiteX44" fmla="*/ 645319 w 664369"/>
              <a:gd name="connsiteY44" fmla="*/ 109537 h 728705"/>
              <a:gd name="connsiteX45" fmla="*/ 642938 w 664369"/>
              <a:gd name="connsiteY45" fmla="*/ 97631 h 728705"/>
              <a:gd name="connsiteX46" fmla="*/ 621506 w 664369"/>
              <a:gd name="connsiteY46" fmla="*/ 88106 h 728705"/>
              <a:gd name="connsiteX47" fmla="*/ 590550 w 664369"/>
              <a:gd name="connsiteY47" fmla="*/ 92869 h 728705"/>
              <a:gd name="connsiteX48" fmla="*/ 573881 w 664369"/>
              <a:gd name="connsiteY48" fmla="*/ 109537 h 728705"/>
              <a:gd name="connsiteX49" fmla="*/ 564356 w 664369"/>
              <a:gd name="connsiteY49" fmla="*/ 121444 h 728705"/>
              <a:gd name="connsiteX50" fmla="*/ 547688 w 664369"/>
              <a:gd name="connsiteY50" fmla="*/ 130969 h 728705"/>
              <a:gd name="connsiteX51" fmla="*/ 528638 w 664369"/>
              <a:gd name="connsiteY51" fmla="*/ 138112 h 728705"/>
              <a:gd name="connsiteX52" fmla="*/ 516731 w 664369"/>
              <a:gd name="connsiteY52" fmla="*/ 133350 h 728705"/>
              <a:gd name="connsiteX53" fmla="*/ 502444 w 664369"/>
              <a:gd name="connsiteY53" fmla="*/ 133350 h 728705"/>
              <a:gd name="connsiteX54" fmla="*/ 495300 w 664369"/>
              <a:gd name="connsiteY54" fmla="*/ 126206 h 728705"/>
              <a:gd name="connsiteX55" fmla="*/ 478631 w 664369"/>
              <a:gd name="connsiteY55" fmla="*/ 169069 h 728705"/>
              <a:gd name="connsiteX56" fmla="*/ 469106 w 664369"/>
              <a:gd name="connsiteY56" fmla="*/ 178594 h 728705"/>
              <a:gd name="connsiteX57" fmla="*/ 459581 w 664369"/>
              <a:gd name="connsiteY57" fmla="*/ 178594 h 728705"/>
              <a:gd name="connsiteX58" fmla="*/ 459581 w 664369"/>
              <a:gd name="connsiteY58" fmla="*/ 178594 h 728705"/>
              <a:gd name="connsiteX59" fmla="*/ 445294 w 664369"/>
              <a:gd name="connsiteY59" fmla="*/ 192881 h 728705"/>
              <a:gd name="connsiteX60" fmla="*/ 431006 w 664369"/>
              <a:gd name="connsiteY60" fmla="*/ 204787 h 728705"/>
              <a:gd name="connsiteX61" fmla="*/ 421481 w 664369"/>
              <a:gd name="connsiteY61" fmla="*/ 211931 h 728705"/>
              <a:gd name="connsiteX62" fmla="*/ 411956 w 664369"/>
              <a:gd name="connsiteY62" fmla="*/ 190500 h 728705"/>
              <a:gd name="connsiteX63" fmla="*/ 397669 w 664369"/>
              <a:gd name="connsiteY63" fmla="*/ 169069 h 728705"/>
              <a:gd name="connsiteX64" fmla="*/ 385763 w 664369"/>
              <a:gd name="connsiteY64" fmla="*/ 150019 h 728705"/>
              <a:gd name="connsiteX65" fmla="*/ 247650 w 664369"/>
              <a:gd name="connsiteY65" fmla="*/ 185737 h 728705"/>
              <a:gd name="connsiteX66" fmla="*/ 202406 w 664369"/>
              <a:gd name="connsiteY66" fmla="*/ 0 h 728705"/>
              <a:gd name="connsiteX67" fmla="*/ 190500 w 664369"/>
              <a:gd name="connsiteY67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133288 w 664369"/>
              <a:gd name="connsiteY11" fmla="*/ 443014 h 728705"/>
              <a:gd name="connsiteX12" fmla="*/ 76191 w 664369"/>
              <a:gd name="connsiteY12" fmla="*/ 366696 h 728705"/>
              <a:gd name="connsiteX13" fmla="*/ 45244 w 664369"/>
              <a:gd name="connsiteY13" fmla="*/ 385762 h 728705"/>
              <a:gd name="connsiteX14" fmla="*/ 45244 w 664369"/>
              <a:gd name="connsiteY14" fmla="*/ 426244 h 728705"/>
              <a:gd name="connsiteX15" fmla="*/ 52388 w 664369"/>
              <a:gd name="connsiteY15" fmla="*/ 442912 h 728705"/>
              <a:gd name="connsiteX16" fmla="*/ 0 w 664369"/>
              <a:gd name="connsiteY16" fmla="*/ 507206 h 728705"/>
              <a:gd name="connsiteX17" fmla="*/ 33338 w 664369"/>
              <a:gd name="connsiteY17" fmla="*/ 611981 h 728705"/>
              <a:gd name="connsiteX18" fmla="*/ 88106 w 664369"/>
              <a:gd name="connsiteY18" fmla="*/ 647700 h 728705"/>
              <a:gd name="connsiteX19" fmla="*/ 104775 w 664369"/>
              <a:gd name="connsiteY19" fmla="*/ 642937 h 728705"/>
              <a:gd name="connsiteX20" fmla="*/ 152400 w 664369"/>
              <a:gd name="connsiteY20" fmla="*/ 690562 h 728705"/>
              <a:gd name="connsiteX21" fmla="*/ 214313 w 664369"/>
              <a:gd name="connsiteY21" fmla="*/ 728705 h 728705"/>
              <a:gd name="connsiteX22" fmla="*/ 230981 w 664369"/>
              <a:gd name="connsiteY22" fmla="*/ 671512 h 728705"/>
              <a:gd name="connsiteX23" fmla="*/ 285750 w 664369"/>
              <a:gd name="connsiteY23" fmla="*/ 650081 h 728705"/>
              <a:gd name="connsiteX24" fmla="*/ 354803 w 664369"/>
              <a:gd name="connsiteY24" fmla="*/ 628692 h 728705"/>
              <a:gd name="connsiteX25" fmla="*/ 369094 w 664369"/>
              <a:gd name="connsiteY25" fmla="*/ 602456 h 728705"/>
              <a:gd name="connsiteX26" fmla="*/ 366713 w 664369"/>
              <a:gd name="connsiteY26" fmla="*/ 564356 h 728705"/>
              <a:gd name="connsiteX27" fmla="*/ 369094 w 664369"/>
              <a:gd name="connsiteY27" fmla="*/ 533400 h 728705"/>
              <a:gd name="connsiteX28" fmla="*/ 373856 w 664369"/>
              <a:gd name="connsiteY28" fmla="*/ 502444 h 728705"/>
              <a:gd name="connsiteX29" fmla="*/ 381000 w 664369"/>
              <a:gd name="connsiteY29" fmla="*/ 478631 h 728705"/>
              <a:gd name="connsiteX30" fmla="*/ 407194 w 664369"/>
              <a:gd name="connsiteY30" fmla="*/ 440531 h 728705"/>
              <a:gd name="connsiteX31" fmla="*/ 428625 w 664369"/>
              <a:gd name="connsiteY31" fmla="*/ 390525 h 728705"/>
              <a:gd name="connsiteX32" fmla="*/ 428625 w 664369"/>
              <a:gd name="connsiteY32" fmla="*/ 390525 h 728705"/>
              <a:gd name="connsiteX33" fmla="*/ 476250 w 664369"/>
              <a:gd name="connsiteY33" fmla="*/ 359569 h 728705"/>
              <a:gd name="connsiteX34" fmla="*/ 502444 w 664369"/>
              <a:gd name="connsiteY34" fmla="*/ 335756 h 728705"/>
              <a:gd name="connsiteX35" fmla="*/ 507206 w 664369"/>
              <a:gd name="connsiteY35" fmla="*/ 297656 h 728705"/>
              <a:gd name="connsiteX36" fmla="*/ 573881 w 664369"/>
              <a:gd name="connsiteY36" fmla="*/ 192881 h 728705"/>
              <a:gd name="connsiteX37" fmla="*/ 571500 w 664369"/>
              <a:gd name="connsiteY37" fmla="*/ 173831 h 728705"/>
              <a:gd name="connsiteX38" fmla="*/ 573881 w 664369"/>
              <a:gd name="connsiteY38" fmla="*/ 164306 h 728705"/>
              <a:gd name="connsiteX39" fmla="*/ 614363 w 664369"/>
              <a:gd name="connsiteY39" fmla="*/ 154781 h 728705"/>
              <a:gd name="connsiteX40" fmla="*/ 628650 w 664369"/>
              <a:gd name="connsiteY40" fmla="*/ 164306 h 728705"/>
              <a:gd name="connsiteX41" fmla="*/ 647700 w 664369"/>
              <a:gd name="connsiteY41" fmla="*/ 166687 h 728705"/>
              <a:gd name="connsiteX42" fmla="*/ 659606 w 664369"/>
              <a:gd name="connsiteY42" fmla="*/ 138112 h 728705"/>
              <a:gd name="connsiteX43" fmla="*/ 664369 w 664369"/>
              <a:gd name="connsiteY43" fmla="*/ 123825 h 728705"/>
              <a:gd name="connsiteX44" fmla="*/ 645319 w 664369"/>
              <a:gd name="connsiteY44" fmla="*/ 109537 h 728705"/>
              <a:gd name="connsiteX45" fmla="*/ 642938 w 664369"/>
              <a:gd name="connsiteY45" fmla="*/ 97631 h 728705"/>
              <a:gd name="connsiteX46" fmla="*/ 621506 w 664369"/>
              <a:gd name="connsiteY46" fmla="*/ 88106 h 728705"/>
              <a:gd name="connsiteX47" fmla="*/ 590550 w 664369"/>
              <a:gd name="connsiteY47" fmla="*/ 92869 h 728705"/>
              <a:gd name="connsiteX48" fmla="*/ 573881 w 664369"/>
              <a:gd name="connsiteY48" fmla="*/ 109537 h 728705"/>
              <a:gd name="connsiteX49" fmla="*/ 564356 w 664369"/>
              <a:gd name="connsiteY49" fmla="*/ 121444 h 728705"/>
              <a:gd name="connsiteX50" fmla="*/ 547688 w 664369"/>
              <a:gd name="connsiteY50" fmla="*/ 130969 h 728705"/>
              <a:gd name="connsiteX51" fmla="*/ 528638 w 664369"/>
              <a:gd name="connsiteY51" fmla="*/ 138112 h 728705"/>
              <a:gd name="connsiteX52" fmla="*/ 516731 w 664369"/>
              <a:gd name="connsiteY52" fmla="*/ 133350 h 728705"/>
              <a:gd name="connsiteX53" fmla="*/ 502444 w 664369"/>
              <a:gd name="connsiteY53" fmla="*/ 133350 h 728705"/>
              <a:gd name="connsiteX54" fmla="*/ 495300 w 664369"/>
              <a:gd name="connsiteY54" fmla="*/ 126206 h 728705"/>
              <a:gd name="connsiteX55" fmla="*/ 478631 w 664369"/>
              <a:gd name="connsiteY55" fmla="*/ 169069 h 728705"/>
              <a:gd name="connsiteX56" fmla="*/ 469106 w 664369"/>
              <a:gd name="connsiteY56" fmla="*/ 178594 h 728705"/>
              <a:gd name="connsiteX57" fmla="*/ 459581 w 664369"/>
              <a:gd name="connsiteY57" fmla="*/ 178594 h 728705"/>
              <a:gd name="connsiteX58" fmla="*/ 459581 w 664369"/>
              <a:gd name="connsiteY58" fmla="*/ 178594 h 728705"/>
              <a:gd name="connsiteX59" fmla="*/ 445294 w 664369"/>
              <a:gd name="connsiteY59" fmla="*/ 192881 h 728705"/>
              <a:gd name="connsiteX60" fmla="*/ 431006 w 664369"/>
              <a:gd name="connsiteY60" fmla="*/ 204787 h 728705"/>
              <a:gd name="connsiteX61" fmla="*/ 421481 w 664369"/>
              <a:gd name="connsiteY61" fmla="*/ 211931 h 728705"/>
              <a:gd name="connsiteX62" fmla="*/ 411956 w 664369"/>
              <a:gd name="connsiteY62" fmla="*/ 190500 h 728705"/>
              <a:gd name="connsiteX63" fmla="*/ 397669 w 664369"/>
              <a:gd name="connsiteY63" fmla="*/ 169069 h 728705"/>
              <a:gd name="connsiteX64" fmla="*/ 385763 w 664369"/>
              <a:gd name="connsiteY64" fmla="*/ 150019 h 728705"/>
              <a:gd name="connsiteX65" fmla="*/ 247650 w 664369"/>
              <a:gd name="connsiteY65" fmla="*/ 185737 h 728705"/>
              <a:gd name="connsiteX66" fmla="*/ 202406 w 664369"/>
              <a:gd name="connsiteY66" fmla="*/ 0 h 728705"/>
              <a:gd name="connsiteX67" fmla="*/ 190500 w 664369"/>
              <a:gd name="connsiteY67" fmla="*/ 4762 h 728705"/>
              <a:gd name="connsiteX0" fmla="*/ 190500 w 664369"/>
              <a:gd name="connsiteY0" fmla="*/ 4762 h 728705"/>
              <a:gd name="connsiteX1" fmla="*/ 195263 w 664369"/>
              <a:gd name="connsiteY1" fmla="*/ 78581 h 728705"/>
              <a:gd name="connsiteX2" fmla="*/ 195263 w 664369"/>
              <a:gd name="connsiteY2" fmla="*/ 183356 h 728705"/>
              <a:gd name="connsiteX3" fmla="*/ 147638 w 664369"/>
              <a:gd name="connsiteY3" fmla="*/ 269081 h 728705"/>
              <a:gd name="connsiteX4" fmla="*/ 111919 w 664369"/>
              <a:gd name="connsiteY4" fmla="*/ 290512 h 728705"/>
              <a:gd name="connsiteX5" fmla="*/ 92869 w 664369"/>
              <a:gd name="connsiteY5" fmla="*/ 302419 h 728705"/>
              <a:gd name="connsiteX6" fmla="*/ 90488 w 664369"/>
              <a:gd name="connsiteY6" fmla="*/ 330994 h 728705"/>
              <a:gd name="connsiteX7" fmla="*/ 102394 w 664369"/>
              <a:gd name="connsiteY7" fmla="*/ 335756 h 728705"/>
              <a:gd name="connsiteX8" fmla="*/ 100013 w 664369"/>
              <a:gd name="connsiteY8" fmla="*/ 359569 h 728705"/>
              <a:gd name="connsiteX9" fmla="*/ 104775 w 664369"/>
              <a:gd name="connsiteY9" fmla="*/ 373856 h 728705"/>
              <a:gd name="connsiteX10" fmla="*/ 83344 w 664369"/>
              <a:gd name="connsiteY10" fmla="*/ 392906 h 728705"/>
              <a:gd name="connsiteX11" fmla="*/ 76191 w 664369"/>
              <a:gd name="connsiteY11" fmla="*/ 366696 h 728705"/>
              <a:gd name="connsiteX12" fmla="*/ 45244 w 664369"/>
              <a:gd name="connsiteY12" fmla="*/ 385762 h 728705"/>
              <a:gd name="connsiteX13" fmla="*/ 45244 w 664369"/>
              <a:gd name="connsiteY13" fmla="*/ 426244 h 728705"/>
              <a:gd name="connsiteX14" fmla="*/ 52388 w 664369"/>
              <a:gd name="connsiteY14" fmla="*/ 442912 h 728705"/>
              <a:gd name="connsiteX15" fmla="*/ 0 w 664369"/>
              <a:gd name="connsiteY15" fmla="*/ 507206 h 728705"/>
              <a:gd name="connsiteX16" fmla="*/ 33338 w 664369"/>
              <a:gd name="connsiteY16" fmla="*/ 611981 h 728705"/>
              <a:gd name="connsiteX17" fmla="*/ 88106 w 664369"/>
              <a:gd name="connsiteY17" fmla="*/ 647700 h 728705"/>
              <a:gd name="connsiteX18" fmla="*/ 104775 w 664369"/>
              <a:gd name="connsiteY18" fmla="*/ 642937 h 728705"/>
              <a:gd name="connsiteX19" fmla="*/ 152400 w 664369"/>
              <a:gd name="connsiteY19" fmla="*/ 690562 h 728705"/>
              <a:gd name="connsiteX20" fmla="*/ 214313 w 664369"/>
              <a:gd name="connsiteY20" fmla="*/ 728705 h 728705"/>
              <a:gd name="connsiteX21" fmla="*/ 230981 w 664369"/>
              <a:gd name="connsiteY21" fmla="*/ 671512 h 728705"/>
              <a:gd name="connsiteX22" fmla="*/ 285750 w 664369"/>
              <a:gd name="connsiteY22" fmla="*/ 650081 h 728705"/>
              <a:gd name="connsiteX23" fmla="*/ 354803 w 664369"/>
              <a:gd name="connsiteY23" fmla="*/ 628692 h 728705"/>
              <a:gd name="connsiteX24" fmla="*/ 369094 w 664369"/>
              <a:gd name="connsiteY24" fmla="*/ 602456 h 728705"/>
              <a:gd name="connsiteX25" fmla="*/ 366713 w 664369"/>
              <a:gd name="connsiteY25" fmla="*/ 564356 h 728705"/>
              <a:gd name="connsiteX26" fmla="*/ 369094 w 664369"/>
              <a:gd name="connsiteY26" fmla="*/ 533400 h 728705"/>
              <a:gd name="connsiteX27" fmla="*/ 373856 w 664369"/>
              <a:gd name="connsiteY27" fmla="*/ 502444 h 728705"/>
              <a:gd name="connsiteX28" fmla="*/ 381000 w 664369"/>
              <a:gd name="connsiteY28" fmla="*/ 478631 h 728705"/>
              <a:gd name="connsiteX29" fmla="*/ 407194 w 664369"/>
              <a:gd name="connsiteY29" fmla="*/ 440531 h 728705"/>
              <a:gd name="connsiteX30" fmla="*/ 428625 w 664369"/>
              <a:gd name="connsiteY30" fmla="*/ 390525 h 728705"/>
              <a:gd name="connsiteX31" fmla="*/ 428625 w 664369"/>
              <a:gd name="connsiteY31" fmla="*/ 390525 h 728705"/>
              <a:gd name="connsiteX32" fmla="*/ 476250 w 664369"/>
              <a:gd name="connsiteY32" fmla="*/ 359569 h 728705"/>
              <a:gd name="connsiteX33" fmla="*/ 502444 w 664369"/>
              <a:gd name="connsiteY33" fmla="*/ 335756 h 728705"/>
              <a:gd name="connsiteX34" fmla="*/ 507206 w 664369"/>
              <a:gd name="connsiteY34" fmla="*/ 297656 h 728705"/>
              <a:gd name="connsiteX35" fmla="*/ 573881 w 664369"/>
              <a:gd name="connsiteY35" fmla="*/ 192881 h 728705"/>
              <a:gd name="connsiteX36" fmla="*/ 571500 w 664369"/>
              <a:gd name="connsiteY36" fmla="*/ 173831 h 728705"/>
              <a:gd name="connsiteX37" fmla="*/ 573881 w 664369"/>
              <a:gd name="connsiteY37" fmla="*/ 164306 h 728705"/>
              <a:gd name="connsiteX38" fmla="*/ 614363 w 664369"/>
              <a:gd name="connsiteY38" fmla="*/ 154781 h 728705"/>
              <a:gd name="connsiteX39" fmla="*/ 628650 w 664369"/>
              <a:gd name="connsiteY39" fmla="*/ 164306 h 728705"/>
              <a:gd name="connsiteX40" fmla="*/ 647700 w 664369"/>
              <a:gd name="connsiteY40" fmla="*/ 166687 h 728705"/>
              <a:gd name="connsiteX41" fmla="*/ 659606 w 664369"/>
              <a:gd name="connsiteY41" fmla="*/ 138112 h 728705"/>
              <a:gd name="connsiteX42" fmla="*/ 664369 w 664369"/>
              <a:gd name="connsiteY42" fmla="*/ 123825 h 728705"/>
              <a:gd name="connsiteX43" fmla="*/ 645319 w 664369"/>
              <a:gd name="connsiteY43" fmla="*/ 109537 h 728705"/>
              <a:gd name="connsiteX44" fmla="*/ 642938 w 664369"/>
              <a:gd name="connsiteY44" fmla="*/ 97631 h 728705"/>
              <a:gd name="connsiteX45" fmla="*/ 621506 w 664369"/>
              <a:gd name="connsiteY45" fmla="*/ 88106 h 728705"/>
              <a:gd name="connsiteX46" fmla="*/ 590550 w 664369"/>
              <a:gd name="connsiteY46" fmla="*/ 92869 h 728705"/>
              <a:gd name="connsiteX47" fmla="*/ 573881 w 664369"/>
              <a:gd name="connsiteY47" fmla="*/ 109537 h 728705"/>
              <a:gd name="connsiteX48" fmla="*/ 564356 w 664369"/>
              <a:gd name="connsiteY48" fmla="*/ 121444 h 728705"/>
              <a:gd name="connsiteX49" fmla="*/ 547688 w 664369"/>
              <a:gd name="connsiteY49" fmla="*/ 130969 h 728705"/>
              <a:gd name="connsiteX50" fmla="*/ 528638 w 664369"/>
              <a:gd name="connsiteY50" fmla="*/ 138112 h 728705"/>
              <a:gd name="connsiteX51" fmla="*/ 516731 w 664369"/>
              <a:gd name="connsiteY51" fmla="*/ 133350 h 728705"/>
              <a:gd name="connsiteX52" fmla="*/ 502444 w 664369"/>
              <a:gd name="connsiteY52" fmla="*/ 133350 h 728705"/>
              <a:gd name="connsiteX53" fmla="*/ 495300 w 664369"/>
              <a:gd name="connsiteY53" fmla="*/ 126206 h 728705"/>
              <a:gd name="connsiteX54" fmla="*/ 478631 w 664369"/>
              <a:gd name="connsiteY54" fmla="*/ 169069 h 728705"/>
              <a:gd name="connsiteX55" fmla="*/ 469106 w 664369"/>
              <a:gd name="connsiteY55" fmla="*/ 178594 h 728705"/>
              <a:gd name="connsiteX56" fmla="*/ 459581 w 664369"/>
              <a:gd name="connsiteY56" fmla="*/ 178594 h 728705"/>
              <a:gd name="connsiteX57" fmla="*/ 459581 w 664369"/>
              <a:gd name="connsiteY57" fmla="*/ 178594 h 728705"/>
              <a:gd name="connsiteX58" fmla="*/ 445294 w 664369"/>
              <a:gd name="connsiteY58" fmla="*/ 192881 h 728705"/>
              <a:gd name="connsiteX59" fmla="*/ 431006 w 664369"/>
              <a:gd name="connsiteY59" fmla="*/ 204787 h 728705"/>
              <a:gd name="connsiteX60" fmla="*/ 421481 w 664369"/>
              <a:gd name="connsiteY60" fmla="*/ 211931 h 728705"/>
              <a:gd name="connsiteX61" fmla="*/ 411956 w 664369"/>
              <a:gd name="connsiteY61" fmla="*/ 190500 h 728705"/>
              <a:gd name="connsiteX62" fmla="*/ 397669 w 664369"/>
              <a:gd name="connsiteY62" fmla="*/ 169069 h 728705"/>
              <a:gd name="connsiteX63" fmla="*/ 385763 w 664369"/>
              <a:gd name="connsiteY63" fmla="*/ 150019 h 728705"/>
              <a:gd name="connsiteX64" fmla="*/ 247650 w 664369"/>
              <a:gd name="connsiteY64" fmla="*/ 185737 h 728705"/>
              <a:gd name="connsiteX65" fmla="*/ 202406 w 664369"/>
              <a:gd name="connsiteY65" fmla="*/ 0 h 728705"/>
              <a:gd name="connsiteX66" fmla="*/ 190500 w 664369"/>
              <a:gd name="connsiteY66" fmla="*/ 4762 h 7287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</a:cxnLst>
            <a:rect l="l" t="t" r="r" b="b"/>
            <a:pathLst>
              <a:path w="664369" h="728705">
                <a:moveTo>
                  <a:pt x="190500" y="4762"/>
                </a:moveTo>
                <a:lnTo>
                  <a:pt x="195263" y="78581"/>
                </a:lnTo>
                <a:lnTo>
                  <a:pt x="195263" y="183356"/>
                </a:lnTo>
                <a:lnTo>
                  <a:pt x="147638" y="269081"/>
                </a:lnTo>
                <a:lnTo>
                  <a:pt x="111919" y="290512"/>
                </a:lnTo>
                <a:lnTo>
                  <a:pt x="92869" y="302419"/>
                </a:lnTo>
                <a:lnTo>
                  <a:pt x="90488" y="330994"/>
                </a:lnTo>
                <a:lnTo>
                  <a:pt x="102394" y="335756"/>
                </a:lnTo>
                <a:lnTo>
                  <a:pt x="100013" y="359569"/>
                </a:lnTo>
                <a:lnTo>
                  <a:pt x="104775" y="373856"/>
                </a:lnTo>
                <a:lnTo>
                  <a:pt x="83344" y="392906"/>
                </a:lnTo>
                <a:lnTo>
                  <a:pt x="76191" y="366696"/>
                </a:lnTo>
                <a:lnTo>
                  <a:pt x="45244" y="385762"/>
                </a:lnTo>
                <a:lnTo>
                  <a:pt x="45244" y="426244"/>
                </a:lnTo>
                <a:lnTo>
                  <a:pt x="52388" y="442912"/>
                </a:lnTo>
                <a:lnTo>
                  <a:pt x="0" y="507206"/>
                </a:lnTo>
                <a:lnTo>
                  <a:pt x="33338" y="611981"/>
                </a:lnTo>
                <a:lnTo>
                  <a:pt x="88106" y="647700"/>
                </a:lnTo>
                <a:lnTo>
                  <a:pt x="104775" y="642937"/>
                </a:lnTo>
                <a:lnTo>
                  <a:pt x="152400" y="690562"/>
                </a:lnTo>
                <a:lnTo>
                  <a:pt x="214313" y="728705"/>
                </a:lnTo>
                <a:lnTo>
                  <a:pt x="230981" y="671512"/>
                </a:lnTo>
                <a:lnTo>
                  <a:pt x="285750" y="650081"/>
                </a:lnTo>
                <a:lnTo>
                  <a:pt x="354803" y="628692"/>
                </a:lnTo>
                <a:lnTo>
                  <a:pt x="369094" y="602456"/>
                </a:lnTo>
                <a:lnTo>
                  <a:pt x="366713" y="564356"/>
                </a:lnTo>
                <a:lnTo>
                  <a:pt x="369094" y="533400"/>
                </a:lnTo>
                <a:lnTo>
                  <a:pt x="373856" y="502444"/>
                </a:lnTo>
                <a:lnTo>
                  <a:pt x="381000" y="478631"/>
                </a:lnTo>
                <a:lnTo>
                  <a:pt x="407194" y="440531"/>
                </a:lnTo>
                <a:lnTo>
                  <a:pt x="428625" y="390525"/>
                </a:lnTo>
                <a:lnTo>
                  <a:pt x="428625" y="390525"/>
                </a:lnTo>
                <a:lnTo>
                  <a:pt x="476250" y="359569"/>
                </a:lnTo>
                <a:lnTo>
                  <a:pt x="502444" y="335756"/>
                </a:lnTo>
                <a:lnTo>
                  <a:pt x="507206" y="297656"/>
                </a:lnTo>
                <a:lnTo>
                  <a:pt x="573881" y="192881"/>
                </a:lnTo>
                <a:lnTo>
                  <a:pt x="571500" y="173831"/>
                </a:lnTo>
                <a:lnTo>
                  <a:pt x="573881" y="164306"/>
                </a:lnTo>
                <a:lnTo>
                  <a:pt x="614363" y="154781"/>
                </a:lnTo>
                <a:lnTo>
                  <a:pt x="628650" y="164306"/>
                </a:lnTo>
                <a:lnTo>
                  <a:pt x="647700" y="166687"/>
                </a:lnTo>
                <a:lnTo>
                  <a:pt x="659606" y="138112"/>
                </a:lnTo>
                <a:lnTo>
                  <a:pt x="664369" y="123825"/>
                </a:lnTo>
                <a:lnTo>
                  <a:pt x="645319" y="109537"/>
                </a:lnTo>
                <a:lnTo>
                  <a:pt x="642938" y="97631"/>
                </a:lnTo>
                <a:lnTo>
                  <a:pt x="621506" y="88106"/>
                </a:lnTo>
                <a:lnTo>
                  <a:pt x="590550" y="92869"/>
                </a:lnTo>
                <a:lnTo>
                  <a:pt x="573881" y="109537"/>
                </a:lnTo>
                <a:lnTo>
                  <a:pt x="564356" y="121444"/>
                </a:lnTo>
                <a:lnTo>
                  <a:pt x="547688" y="130969"/>
                </a:lnTo>
                <a:lnTo>
                  <a:pt x="528638" y="138112"/>
                </a:lnTo>
                <a:lnTo>
                  <a:pt x="516731" y="133350"/>
                </a:lnTo>
                <a:lnTo>
                  <a:pt x="502444" y="133350"/>
                </a:lnTo>
                <a:lnTo>
                  <a:pt x="495300" y="126206"/>
                </a:lnTo>
                <a:lnTo>
                  <a:pt x="478631" y="169069"/>
                </a:lnTo>
                <a:lnTo>
                  <a:pt x="469106" y="178594"/>
                </a:lnTo>
                <a:lnTo>
                  <a:pt x="459581" y="178594"/>
                </a:lnTo>
                <a:lnTo>
                  <a:pt x="459581" y="178594"/>
                </a:lnTo>
                <a:lnTo>
                  <a:pt x="445294" y="192881"/>
                </a:lnTo>
                <a:lnTo>
                  <a:pt x="431006" y="204787"/>
                </a:lnTo>
                <a:lnTo>
                  <a:pt x="421481" y="211931"/>
                </a:lnTo>
                <a:lnTo>
                  <a:pt x="411956" y="190500"/>
                </a:lnTo>
                <a:lnTo>
                  <a:pt x="397669" y="169069"/>
                </a:lnTo>
                <a:lnTo>
                  <a:pt x="385763" y="150019"/>
                </a:lnTo>
                <a:lnTo>
                  <a:pt x="247650" y="185737"/>
                </a:lnTo>
                <a:lnTo>
                  <a:pt x="202406" y="0"/>
                </a:lnTo>
                <a:lnTo>
                  <a:pt x="190500" y="4762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7" name="Freeform 66"/>
          <p:cNvSpPr/>
          <p:nvPr userDrawn="1"/>
        </p:nvSpPr>
        <p:spPr>
          <a:xfrm rot="171972">
            <a:off x="7159276" y="2851555"/>
            <a:ext cx="690562" cy="331787"/>
          </a:xfrm>
          <a:custGeom>
            <a:avLst/>
            <a:gdLst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2418 w 690562"/>
              <a:gd name="connsiteY13" fmla="*/ 147637 h 319087"/>
              <a:gd name="connsiteX14" fmla="*/ 328612 w 690562"/>
              <a:gd name="connsiteY14" fmla="*/ 159544 h 319087"/>
              <a:gd name="connsiteX15" fmla="*/ 350043 w 690562"/>
              <a:gd name="connsiteY15" fmla="*/ 171450 h 319087"/>
              <a:gd name="connsiteX16" fmla="*/ 369093 w 690562"/>
              <a:gd name="connsiteY16" fmla="*/ 188119 h 319087"/>
              <a:gd name="connsiteX17" fmla="*/ 397668 w 690562"/>
              <a:gd name="connsiteY17" fmla="*/ 214312 h 319087"/>
              <a:gd name="connsiteX18" fmla="*/ 402431 w 690562"/>
              <a:gd name="connsiteY18" fmla="*/ 235744 h 319087"/>
              <a:gd name="connsiteX19" fmla="*/ 400050 w 690562"/>
              <a:gd name="connsiteY19" fmla="*/ 264319 h 319087"/>
              <a:gd name="connsiteX20" fmla="*/ 388143 w 690562"/>
              <a:gd name="connsiteY20" fmla="*/ 290512 h 319087"/>
              <a:gd name="connsiteX21" fmla="*/ 409575 w 690562"/>
              <a:gd name="connsiteY21" fmla="*/ 302419 h 319087"/>
              <a:gd name="connsiteX22" fmla="*/ 419100 w 690562"/>
              <a:gd name="connsiteY22" fmla="*/ 302419 h 319087"/>
              <a:gd name="connsiteX23" fmla="*/ 438150 w 690562"/>
              <a:gd name="connsiteY23" fmla="*/ 290512 h 319087"/>
              <a:gd name="connsiteX24" fmla="*/ 454818 w 690562"/>
              <a:gd name="connsiteY24" fmla="*/ 295275 h 319087"/>
              <a:gd name="connsiteX25" fmla="*/ 473868 w 690562"/>
              <a:gd name="connsiteY25" fmla="*/ 309562 h 319087"/>
              <a:gd name="connsiteX26" fmla="*/ 507206 w 690562"/>
              <a:gd name="connsiteY26" fmla="*/ 314325 h 319087"/>
              <a:gd name="connsiteX27" fmla="*/ 523875 w 690562"/>
              <a:gd name="connsiteY27" fmla="*/ 319087 h 319087"/>
              <a:gd name="connsiteX28" fmla="*/ 526256 w 690562"/>
              <a:gd name="connsiteY28" fmla="*/ 302419 h 319087"/>
              <a:gd name="connsiteX29" fmla="*/ 535781 w 690562"/>
              <a:gd name="connsiteY29" fmla="*/ 290512 h 319087"/>
              <a:gd name="connsiteX30" fmla="*/ 528637 w 690562"/>
              <a:gd name="connsiteY30" fmla="*/ 261937 h 319087"/>
              <a:gd name="connsiteX31" fmla="*/ 509587 w 690562"/>
              <a:gd name="connsiteY31" fmla="*/ 257175 h 319087"/>
              <a:gd name="connsiteX32" fmla="*/ 490537 w 690562"/>
              <a:gd name="connsiteY32" fmla="*/ 235744 h 319087"/>
              <a:gd name="connsiteX33" fmla="*/ 481012 w 690562"/>
              <a:gd name="connsiteY33" fmla="*/ 202406 h 319087"/>
              <a:gd name="connsiteX34" fmla="*/ 461962 w 690562"/>
              <a:gd name="connsiteY34" fmla="*/ 154781 h 319087"/>
              <a:gd name="connsiteX35" fmla="*/ 457200 w 690562"/>
              <a:gd name="connsiteY35" fmla="*/ 126206 h 319087"/>
              <a:gd name="connsiteX36" fmla="*/ 457200 w 690562"/>
              <a:gd name="connsiteY36" fmla="*/ 111919 h 319087"/>
              <a:gd name="connsiteX37" fmla="*/ 469106 w 690562"/>
              <a:gd name="connsiteY37" fmla="*/ 100012 h 319087"/>
              <a:gd name="connsiteX38" fmla="*/ 476250 w 690562"/>
              <a:gd name="connsiteY38" fmla="*/ 78581 h 319087"/>
              <a:gd name="connsiteX39" fmla="*/ 497681 w 690562"/>
              <a:gd name="connsiteY39" fmla="*/ 73819 h 319087"/>
              <a:gd name="connsiteX40" fmla="*/ 500062 w 690562"/>
              <a:gd name="connsiteY40" fmla="*/ 92869 h 319087"/>
              <a:gd name="connsiteX41" fmla="*/ 495300 w 690562"/>
              <a:gd name="connsiteY41" fmla="*/ 107156 h 319087"/>
              <a:gd name="connsiteX42" fmla="*/ 509587 w 690562"/>
              <a:gd name="connsiteY42" fmla="*/ 116681 h 319087"/>
              <a:gd name="connsiteX43" fmla="*/ 509587 w 690562"/>
              <a:gd name="connsiteY43" fmla="*/ 126206 h 319087"/>
              <a:gd name="connsiteX44" fmla="*/ 504825 w 690562"/>
              <a:gd name="connsiteY44" fmla="*/ 147637 h 319087"/>
              <a:gd name="connsiteX45" fmla="*/ 502443 w 690562"/>
              <a:gd name="connsiteY45" fmla="*/ 154781 h 319087"/>
              <a:gd name="connsiteX46" fmla="*/ 523875 w 690562"/>
              <a:gd name="connsiteY46" fmla="*/ 171450 h 319087"/>
              <a:gd name="connsiteX47" fmla="*/ 531018 w 690562"/>
              <a:gd name="connsiteY47" fmla="*/ 185737 h 319087"/>
              <a:gd name="connsiteX48" fmla="*/ 545306 w 690562"/>
              <a:gd name="connsiteY48" fmla="*/ 190500 h 319087"/>
              <a:gd name="connsiteX49" fmla="*/ 531018 w 690562"/>
              <a:gd name="connsiteY49" fmla="*/ 204787 h 319087"/>
              <a:gd name="connsiteX50" fmla="*/ 528637 w 690562"/>
              <a:gd name="connsiteY50" fmla="*/ 216694 h 319087"/>
              <a:gd name="connsiteX51" fmla="*/ 547687 w 690562"/>
              <a:gd name="connsiteY51" fmla="*/ 235744 h 319087"/>
              <a:gd name="connsiteX52" fmla="*/ 547687 w 690562"/>
              <a:gd name="connsiteY52" fmla="*/ 235744 h 319087"/>
              <a:gd name="connsiteX53" fmla="*/ 581025 w 690562"/>
              <a:gd name="connsiteY53" fmla="*/ 247650 h 319087"/>
              <a:gd name="connsiteX54" fmla="*/ 595312 w 690562"/>
              <a:gd name="connsiteY54" fmla="*/ 242887 h 319087"/>
              <a:gd name="connsiteX55" fmla="*/ 602456 w 690562"/>
              <a:gd name="connsiteY55" fmla="*/ 264319 h 319087"/>
              <a:gd name="connsiteX56" fmla="*/ 602456 w 690562"/>
              <a:gd name="connsiteY56" fmla="*/ 292894 h 319087"/>
              <a:gd name="connsiteX57" fmla="*/ 611981 w 690562"/>
              <a:gd name="connsiteY57" fmla="*/ 297656 h 319087"/>
              <a:gd name="connsiteX58" fmla="*/ 631031 w 690562"/>
              <a:gd name="connsiteY58" fmla="*/ 297656 h 319087"/>
              <a:gd name="connsiteX59" fmla="*/ 650081 w 690562"/>
              <a:gd name="connsiteY59" fmla="*/ 285750 h 319087"/>
              <a:gd name="connsiteX60" fmla="*/ 669131 w 690562"/>
              <a:gd name="connsiteY60" fmla="*/ 278606 h 319087"/>
              <a:gd name="connsiteX61" fmla="*/ 681037 w 690562"/>
              <a:gd name="connsiteY61" fmla="*/ 278606 h 319087"/>
              <a:gd name="connsiteX62" fmla="*/ 690562 w 690562"/>
              <a:gd name="connsiteY62" fmla="*/ 204787 h 319087"/>
              <a:gd name="connsiteX63" fmla="*/ 614362 w 690562"/>
              <a:gd name="connsiteY63" fmla="*/ 228600 h 319087"/>
              <a:gd name="connsiteX64" fmla="*/ 600075 w 690562"/>
              <a:gd name="connsiteY64" fmla="*/ 173831 h 319087"/>
              <a:gd name="connsiteX65" fmla="*/ 583406 w 690562"/>
              <a:gd name="connsiteY65" fmla="*/ 145256 h 319087"/>
              <a:gd name="connsiteX66" fmla="*/ 585787 w 690562"/>
              <a:gd name="connsiteY66" fmla="*/ 121444 h 319087"/>
              <a:gd name="connsiteX67" fmla="*/ 566737 w 690562"/>
              <a:gd name="connsiteY67" fmla="*/ 83344 h 319087"/>
              <a:gd name="connsiteX68" fmla="*/ 561975 w 690562"/>
              <a:gd name="connsiteY68" fmla="*/ 50006 h 319087"/>
              <a:gd name="connsiteX69" fmla="*/ 533400 w 690562"/>
              <a:gd name="connsiteY69" fmla="*/ 0 h 319087"/>
              <a:gd name="connsiteX70" fmla="*/ 411956 w 690562"/>
              <a:gd name="connsiteY70" fmla="*/ 42862 h 319087"/>
              <a:gd name="connsiteX71" fmla="*/ 319087 w 690562"/>
              <a:gd name="connsiteY71" fmla="*/ 71437 h 319087"/>
              <a:gd name="connsiteX72" fmla="*/ 257175 w 690562"/>
              <a:gd name="connsiteY72" fmla="*/ 92869 h 319087"/>
              <a:gd name="connsiteX73" fmla="*/ 147637 w 690562"/>
              <a:gd name="connsiteY73" fmla="*/ 126206 h 319087"/>
              <a:gd name="connsiteX74" fmla="*/ 64293 w 690562"/>
              <a:gd name="connsiteY74" fmla="*/ 157162 h 319087"/>
              <a:gd name="connsiteX75" fmla="*/ 0 w 690562"/>
              <a:gd name="connsiteY75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2418 w 690562"/>
              <a:gd name="connsiteY13" fmla="*/ 147637 h 319087"/>
              <a:gd name="connsiteX14" fmla="*/ 328612 w 690562"/>
              <a:gd name="connsiteY14" fmla="*/ 159544 h 319087"/>
              <a:gd name="connsiteX15" fmla="*/ 369093 w 690562"/>
              <a:gd name="connsiteY15" fmla="*/ 188119 h 319087"/>
              <a:gd name="connsiteX16" fmla="*/ 397668 w 690562"/>
              <a:gd name="connsiteY16" fmla="*/ 214312 h 319087"/>
              <a:gd name="connsiteX17" fmla="*/ 402431 w 690562"/>
              <a:gd name="connsiteY17" fmla="*/ 235744 h 319087"/>
              <a:gd name="connsiteX18" fmla="*/ 400050 w 690562"/>
              <a:gd name="connsiteY18" fmla="*/ 264319 h 319087"/>
              <a:gd name="connsiteX19" fmla="*/ 388143 w 690562"/>
              <a:gd name="connsiteY19" fmla="*/ 290512 h 319087"/>
              <a:gd name="connsiteX20" fmla="*/ 409575 w 690562"/>
              <a:gd name="connsiteY20" fmla="*/ 302419 h 319087"/>
              <a:gd name="connsiteX21" fmla="*/ 419100 w 690562"/>
              <a:gd name="connsiteY21" fmla="*/ 302419 h 319087"/>
              <a:gd name="connsiteX22" fmla="*/ 438150 w 690562"/>
              <a:gd name="connsiteY22" fmla="*/ 290512 h 319087"/>
              <a:gd name="connsiteX23" fmla="*/ 454818 w 690562"/>
              <a:gd name="connsiteY23" fmla="*/ 295275 h 319087"/>
              <a:gd name="connsiteX24" fmla="*/ 473868 w 690562"/>
              <a:gd name="connsiteY24" fmla="*/ 309562 h 319087"/>
              <a:gd name="connsiteX25" fmla="*/ 507206 w 690562"/>
              <a:gd name="connsiteY25" fmla="*/ 314325 h 319087"/>
              <a:gd name="connsiteX26" fmla="*/ 523875 w 690562"/>
              <a:gd name="connsiteY26" fmla="*/ 319087 h 319087"/>
              <a:gd name="connsiteX27" fmla="*/ 526256 w 690562"/>
              <a:gd name="connsiteY27" fmla="*/ 302419 h 319087"/>
              <a:gd name="connsiteX28" fmla="*/ 535781 w 690562"/>
              <a:gd name="connsiteY28" fmla="*/ 290512 h 319087"/>
              <a:gd name="connsiteX29" fmla="*/ 528637 w 690562"/>
              <a:gd name="connsiteY29" fmla="*/ 261937 h 319087"/>
              <a:gd name="connsiteX30" fmla="*/ 509587 w 690562"/>
              <a:gd name="connsiteY30" fmla="*/ 257175 h 319087"/>
              <a:gd name="connsiteX31" fmla="*/ 490537 w 690562"/>
              <a:gd name="connsiteY31" fmla="*/ 235744 h 319087"/>
              <a:gd name="connsiteX32" fmla="*/ 481012 w 690562"/>
              <a:gd name="connsiteY32" fmla="*/ 202406 h 319087"/>
              <a:gd name="connsiteX33" fmla="*/ 461962 w 690562"/>
              <a:gd name="connsiteY33" fmla="*/ 154781 h 319087"/>
              <a:gd name="connsiteX34" fmla="*/ 457200 w 690562"/>
              <a:gd name="connsiteY34" fmla="*/ 126206 h 319087"/>
              <a:gd name="connsiteX35" fmla="*/ 457200 w 690562"/>
              <a:gd name="connsiteY35" fmla="*/ 111919 h 319087"/>
              <a:gd name="connsiteX36" fmla="*/ 469106 w 690562"/>
              <a:gd name="connsiteY36" fmla="*/ 100012 h 319087"/>
              <a:gd name="connsiteX37" fmla="*/ 476250 w 690562"/>
              <a:gd name="connsiteY37" fmla="*/ 78581 h 319087"/>
              <a:gd name="connsiteX38" fmla="*/ 497681 w 690562"/>
              <a:gd name="connsiteY38" fmla="*/ 73819 h 319087"/>
              <a:gd name="connsiteX39" fmla="*/ 500062 w 690562"/>
              <a:gd name="connsiteY39" fmla="*/ 92869 h 319087"/>
              <a:gd name="connsiteX40" fmla="*/ 495300 w 690562"/>
              <a:gd name="connsiteY40" fmla="*/ 107156 h 319087"/>
              <a:gd name="connsiteX41" fmla="*/ 509587 w 690562"/>
              <a:gd name="connsiteY41" fmla="*/ 116681 h 319087"/>
              <a:gd name="connsiteX42" fmla="*/ 509587 w 690562"/>
              <a:gd name="connsiteY42" fmla="*/ 126206 h 319087"/>
              <a:gd name="connsiteX43" fmla="*/ 504825 w 690562"/>
              <a:gd name="connsiteY43" fmla="*/ 147637 h 319087"/>
              <a:gd name="connsiteX44" fmla="*/ 502443 w 690562"/>
              <a:gd name="connsiteY44" fmla="*/ 154781 h 319087"/>
              <a:gd name="connsiteX45" fmla="*/ 523875 w 690562"/>
              <a:gd name="connsiteY45" fmla="*/ 171450 h 319087"/>
              <a:gd name="connsiteX46" fmla="*/ 531018 w 690562"/>
              <a:gd name="connsiteY46" fmla="*/ 185737 h 319087"/>
              <a:gd name="connsiteX47" fmla="*/ 545306 w 690562"/>
              <a:gd name="connsiteY47" fmla="*/ 190500 h 319087"/>
              <a:gd name="connsiteX48" fmla="*/ 531018 w 690562"/>
              <a:gd name="connsiteY48" fmla="*/ 204787 h 319087"/>
              <a:gd name="connsiteX49" fmla="*/ 528637 w 690562"/>
              <a:gd name="connsiteY49" fmla="*/ 216694 h 319087"/>
              <a:gd name="connsiteX50" fmla="*/ 547687 w 690562"/>
              <a:gd name="connsiteY50" fmla="*/ 235744 h 319087"/>
              <a:gd name="connsiteX51" fmla="*/ 547687 w 690562"/>
              <a:gd name="connsiteY51" fmla="*/ 235744 h 319087"/>
              <a:gd name="connsiteX52" fmla="*/ 581025 w 690562"/>
              <a:gd name="connsiteY52" fmla="*/ 247650 h 319087"/>
              <a:gd name="connsiteX53" fmla="*/ 595312 w 690562"/>
              <a:gd name="connsiteY53" fmla="*/ 242887 h 319087"/>
              <a:gd name="connsiteX54" fmla="*/ 602456 w 690562"/>
              <a:gd name="connsiteY54" fmla="*/ 264319 h 319087"/>
              <a:gd name="connsiteX55" fmla="*/ 602456 w 690562"/>
              <a:gd name="connsiteY55" fmla="*/ 292894 h 319087"/>
              <a:gd name="connsiteX56" fmla="*/ 611981 w 690562"/>
              <a:gd name="connsiteY56" fmla="*/ 297656 h 319087"/>
              <a:gd name="connsiteX57" fmla="*/ 631031 w 690562"/>
              <a:gd name="connsiteY57" fmla="*/ 297656 h 319087"/>
              <a:gd name="connsiteX58" fmla="*/ 650081 w 690562"/>
              <a:gd name="connsiteY58" fmla="*/ 285750 h 319087"/>
              <a:gd name="connsiteX59" fmla="*/ 669131 w 690562"/>
              <a:gd name="connsiteY59" fmla="*/ 278606 h 319087"/>
              <a:gd name="connsiteX60" fmla="*/ 681037 w 690562"/>
              <a:gd name="connsiteY60" fmla="*/ 278606 h 319087"/>
              <a:gd name="connsiteX61" fmla="*/ 690562 w 690562"/>
              <a:gd name="connsiteY61" fmla="*/ 204787 h 319087"/>
              <a:gd name="connsiteX62" fmla="*/ 614362 w 690562"/>
              <a:gd name="connsiteY62" fmla="*/ 228600 h 319087"/>
              <a:gd name="connsiteX63" fmla="*/ 600075 w 690562"/>
              <a:gd name="connsiteY63" fmla="*/ 173831 h 319087"/>
              <a:gd name="connsiteX64" fmla="*/ 583406 w 690562"/>
              <a:gd name="connsiteY64" fmla="*/ 145256 h 319087"/>
              <a:gd name="connsiteX65" fmla="*/ 585787 w 690562"/>
              <a:gd name="connsiteY65" fmla="*/ 121444 h 319087"/>
              <a:gd name="connsiteX66" fmla="*/ 566737 w 690562"/>
              <a:gd name="connsiteY66" fmla="*/ 83344 h 319087"/>
              <a:gd name="connsiteX67" fmla="*/ 561975 w 690562"/>
              <a:gd name="connsiteY67" fmla="*/ 50006 h 319087"/>
              <a:gd name="connsiteX68" fmla="*/ 533400 w 690562"/>
              <a:gd name="connsiteY68" fmla="*/ 0 h 319087"/>
              <a:gd name="connsiteX69" fmla="*/ 411956 w 690562"/>
              <a:gd name="connsiteY69" fmla="*/ 42862 h 319087"/>
              <a:gd name="connsiteX70" fmla="*/ 319087 w 690562"/>
              <a:gd name="connsiteY70" fmla="*/ 71437 h 319087"/>
              <a:gd name="connsiteX71" fmla="*/ 257175 w 690562"/>
              <a:gd name="connsiteY71" fmla="*/ 92869 h 319087"/>
              <a:gd name="connsiteX72" fmla="*/ 147637 w 690562"/>
              <a:gd name="connsiteY72" fmla="*/ 126206 h 319087"/>
              <a:gd name="connsiteX73" fmla="*/ 64293 w 690562"/>
              <a:gd name="connsiteY73" fmla="*/ 157162 h 319087"/>
              <a:gd name="connsiteX74" fmla="*/ 0 w 690562"/>
              <a:gd name="connsiteY74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2418 w 690562"/>
              <a:gd name="connsiteY13" fmla="*/ 147637 h 319087"/>
              <a:gd name="connsiteX14" fmla="*/ 369093 w 690562"/>
              <a:gd name="connsiteY14" fmla="*/ 188119 h 319087"/>
              <a:gd name="connsiteX15" fmla="*/ 397668 w 690562"/>
              <a:gd name="connsiteY15" fmla="*/ 214312 h 319087"/>
              <a:gd name="connsiteX16" fmla="*/ 402431 w 690562"/>
              <a:gd name="connsiteY16" fmla="*/ 235744 h 319087"/>
              <a:gd name="connsiteX17" fmla="*/ 400050 w 690562"/>
              <a:gd name="connsiteY17" fmla="*/ 264319 h 319087"/>
              <a:gd name="connsiteX18" fmla="*/ 388143 w 690562"/>
              <a:gd name="connsiteY18" fmla="*/ 290512 h 319087"/>
              <a:gd name="connsiteX19" fmla="*/ 409575 w 690562"/>
              <a:gd name="connsiteY19" fmla="*/ 302419 h 319087"/>
              <a:gd name="connsiteX20" fmla="*/ 419100 w 690562"/>
              <a:gd name="connsiteY20" fmla="*/ 302419 h 319087"/>
              <a:gd name="connsiteX21" fmla="*/ 438150 w 690562"/>
              <a:gd name="connsiteY21" fmla="*/ 290512 h 319087"/>
              <a:gd name="connsiteX22" fmla="*/ 454818 w 690562"/>
              <a:gd name="connsiteY22" fmla="*/ 295275 h 319087"/>
              <a:gd name="connsiteX23" fmla="*/ 473868 w 690562"/>
              <a:gd name="connsiteY23" fmla="*/ 309562 h 319087"/>
              <a:gd name="connsiteX24" fmla="*/ 507206 w 690562"/>
              <a:gd name="connsiteY24" fmla="*/ 314325 h 319087"/>
              <a:gd name="connsiteX25" fmla="*/ 523875 w 690562"/>
              <a:gd name="connsiteY25" fmla="*/ 319087 h 319087"/>
              <a:gd name="connsiteX26" fmla="*/ 526256 w 690562"/>
              <a:gd name="connsiteY26" fmla="*/ 302419 h 319087"/>
              <a:gd name="connsiteX27" fmla="*/ 535781 w 690562"/>
              <a:gd name="connsiteY27" fmla="*/ 290512 h 319087"/>
              <a:gd name="connsiteX28" fmla="*/ 528637 w 690562"/>
              <a:gd name="connsiteY28" fmla="*/ 261937 h 319087"/>
              <a:gd name="connsiteX29" fmla="*/ 509587 w 690562"/>
              <a:gd name="connsiteY29" fmla="*/ 257175 h 319087"/>
              <a:gd name="connsiteX30" fmla="*/ 490537 w 690562"/>
              <a:gd name="connsiteY30" fmla="*/ 235744 h 319087"/>
              <a:gd name="connsiteX31" fmla="*/ 481012 w 690562"/>
              <a:gd name="connsiteY31" fmla="*/ 202406 h 319087"/>
              <a:gd name="connsiteX32" fmla="*/ 461962 w 690562"/>
              <a:gd name="connsiteY32" fmla="*/ 154781 h 319087"/>
              <a:gd name="connsiteX33" fmla="*/ 457200 w 690562"/>
              <a:gd name="connsiteY33" fmla="*/ 126206 h 319087"/>
              <a:gd name="connsiteX34" fmla="*/ 457200 w 690562"/>
              <a:gd name="connsiteY34" fmla="*/ 111919 h 319087"/>
              <a:gd name="connsiteX35" fmla="*/ 469106 w 690562"/>
              <a:gd name="connsiteY35" fmla="*/ 100012 h 319087"/>
              <a:gd name="connsiteX36" fmla="*/ 476250 w 690562"/>
              <a:gd name="connsiteY36" fmla="*/ 78581 h 319087"/>
              <a:gd name="connsiteX37" fmla="*/ 497681 w 690562"/>
              <a:gd name="connsiteY37" fmla="*/ 73819 h 319087"/>
              <a:gd name="connsiteX38" fmla="*/ 500062 w 690562"/>
              <a:gd name="connsiteY38" fmla="*/ 92869 h 319087"/>
              <a:gd name="connsiteX39" fmla="*/ 495300 w 690562"/>
              <a:gd name="connsiteY39" fmla="*/ 107156 h 319087"/>
              <a:gd name="connsiteX40" fmla="*/ 509587 w 690562"/>
              <a:gd name="connsiteY40" fmla="*/ 116681 h 319087"/>
              <a:gd name="connsiteX41" fmla="*/ 509587 w 690562"/>
              <a:gd name="connsiteY41" fmla="*/ 126206 h 319087"/>
              <a:gd name="connsiteX42" fmla="*/ 504825 w 690562"/>
              <a:gd name="connsiteY42" fmla="*/ 147637 h 319087"/>
              <a:gd name="connsiteX43" fmla="*/ 502443 w 690562"/>
              <a:gd name="connsiteY43" fmla="*/ 154781 h 319087"/>
              <a:gd name="connsiteX44" fmla="*/ 523875 w 690562"/>
              <a:gd name="connsiteY44" fmla="*/ 171450 h 319087"/>
              <a:gd name="connsiteX45" fmla="*/ 531018 w 690562"/>
              <a:gd name="connsiteY45" fmla="*/ 185737 h 319087"/>
              <a:gd name="connsiteX46" fmla="*/ 545306 w 690562"/>
              <a:gd name="connsiteY46" fmla="*/ 190500 h 319087"/>
              <a:gd name="connsiteX47" fmla="*/ 531018 w 690562"/>
              <a:gd name="connsiteY47" fmla="*/ 204787 h 319087"/>
              <a:gd name="connsiteX48" fmla="*/ 528637 w 690562"/>
              <a:gd name="connsiteY48" fmla="*/ 216694 h 319087"/>
              <a:gd name="connsiteX49" fmla="*/ 547687 w 690562"/>
              <a:gd name="connsiteY49" fmla="*/ 235744 h 319087"/>
              <a:gd name="connsiteX50" fmla="*/ 547687 w 690562"/>
              <a:gd name="connsiteY50" fmla="*/ 235744 h 319087"/>
              <a:gd name="connsiteX51" fmla="*/ 581025 w 690562"/>
              <a:gd name="connsiteY51" fmla="*/ 247650 h 319087"/>
              <a:gd name="connsiteX52" fmla="*/ 595312 w 690562"/>
              <a:gd name="connsiteY52" fmla="*/ 242887 h 319087"/>
              <a:gd name="connsiteX53" fmla="*/ 602456 w 690562"/>
              <a:gd name="connsiteY53" fmla="*/ 264319 h 319087"/>
              <a:gd name="connsiteX54" fmla="*/ 602456 w 690562"/>
              <a:gd name="connsiteY54" fmla="*/ 292894 h 319087"/>
              <a:gd name="connsiteX55" fmla="*/ 611981 w 690562"/>
              <a:gd name="connsiteY55" fmla="*/ 297656 h 319087"/>
              <a:gd name="connsiteX56" fmla="*/ 631031 w 690562"/>
              <a:gd name="connsiteY56" fmla="*/ 297656 h 319087"/>
              <a:gd name="connsiteX57" fmla="*/ 650081 w 690562"/>
              <a:gd name="connsiteY57" fmla="*/ 285750 h 319087"/>
              <a:gd name="connsiteX58" fmla="*/ 669131 w 690562"/>
              <a:gd name="connsiteY58" fmla="*/ 278606 h 319087"/>
              <a:gd name="connsiteX59" fmla="*/ 681037 w 690562"/>
              <a:gd name="connsiteY59" fmla="*/ 278606 h 319087"/>
              <a:gd name="connsiteX60" fmla="*/ 690562 w 690562"/>
              <a:gd name="connsiteY60" fmla="*/ 204787 h 319087"/>
              <a:gd name="connsiteX61" fmla="*/ 614362 w 690562"/>
              <a:gd name="connsiteY61" fmla="*/ 228600 h 319087"/>
              <a:gd name="connsiteX62" fmla="*/ 600075 w 690562"/>
              <a:gd name="connsiteY62" fmla="*/ 173831 h 319087"/>
              <a:gd name="connsiteX63" fmla="*/ 583406 w 690562"/>
              <a:gd name="connsiteY63" fmla="*/ 145256 h 319087"/>
              <a:gd name="connsiteX64" fmla="*/ 585787 w 690562"/>
              <a:gd name="connsiteY64" fmla="*/ 121444 h 319087"/>
              <a:gd name="connsiteX65" fmla="*/ 566737 w 690562"/>
              <a:gd name="connsiteY65" fmla="*/ 83344 h 319087"/>
              <a:gd name="connsiteX66" fmla="*/ 561975 w 690562"/>
              <a:gd name="connsiteY66" fmla="*/ 50006 h 319087"/>
              <a:gd name="connsiteX67" fmla="*/ 533400 w 690562"/>
              <a:gd name="connsiteY67" fmla="*/ 0 h 319087"/>
              <a:gd name="connsiteX68" fmla="*/ 411956 w 690562"/>
              <a:gd name="connsiteY68" fmla="*/ 42862 h 319087"/>
              <a:gd name="connsiteX69" fmla="*/ 319087 w 690562"/>
              <a:gd name="connsiteY69" fmla="*/ 71437 h 319087"/>
              <a:gd name="connsiteX70" fmla="*/ 257175 w 690562"/>
              <a:gd name="connsiteY70" fmla="*/ 92869 h 319087"/>
              <a:gd name="connsiteX71" fmla="*/ 147637 w 690562"/>
              <a:gd name="connsiteY71" fmla="*/ 126206 h 319087"/>
              <a:gd name="connsiteX72" fmla="*/ 64293 w 690562"/>
              <a:gd name="connsiteY72" fmla="*/ 157162 h 319087"/>
              <a:gd name="connsiteX73" fmla="*/ 0 w 690562"/>
              <a:gd name="connsiteY73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2418 w 690562"/>
              <a:gd name="connsiteY13" fmla="*/ 147637 h 319087"/>
              <a:gd name="connsiteX14" fmla="*/ 361950 w 690562"/>
              <a:gd name="connsiteY14" fmla="*/ 195297 h 319087"/>
              <a:gd name="connsiteX15" fmla="*/ 397668 w 690562"/>
              <a:gd name="connsiteY15" fmla="*/ 214312 h 319087"/>
              <a:gd name="connsiteX16" fmla="*/ 402431 w 690562"/>
              <a:gd name="connsiteY16" fmla="*/ 235744 h 319087"/>
              <a:gd name="connsiteX17" fmla="*/ 400050 w 690562"/>
              <a:gd name="connsiteY17" fmla="*/ 264319 h 319087"/>
              <a:gd name="connsiteX18" fmla="*/ 388143 w 690562"/>
              <a:gd name="connsiteY18" fmla="*/ 290512 h 319087"/>
              <a:gd name="connsiteX19" fmla="*/ 409575 w 690562"/>
              <a:gd name="connsiteY19" fmla="*/ 302419 h 319087"/>
              <a:gd name="connsiteX20" fmla="*/ 419100 w 690562"/>
              <a:gd name="connsiteY20" fmla="*/ 302419 h 319087"/>
              <a:gd name="connsiteX21" fmla="*/ 438150 w 690562"/>
              <a:gd name="connsiteY21" fmla="*/ 290512 h 319087"/>
              <a:gd name="connsiteX22" fmla="*/ 454818 w 690562"/>
              <a:gd name="connsiteY22" fmla="*/ 295275 h 319087"/>
              <a:gd name="connsiteX23" fmla="*/ 473868 w 690562"/>
              <a:gd name="connsiteY23" fmla="*/ 309562 h 319087"/>
              <a:gd name="connsiteX24" fmla="*/ 507206 w 690562"/>
              <a:gd name="connsiteY24" fmla="*/ 314325 h 319087"/>
              <a:gd name="connsiteX25" fmla="*/ 523875 w 690562"/>
              <a:gd name="connsiteY25" fmla="*/ 319087 h 319087"/>
              <a:gd name="connsiteX26" fmla="*/ 526256 w 690562"/>
              <a:gd name="connsiteY26" fmla="*/ 302419 h 319087"/>
              <a:gd name="connsiteX27" fmla="*/ 535781 w 690562"/>
              <a:gd name="connsiteY27" fmla="*/ 290512 h 319087"/>
              <a:gd name="connsiteX28" fmla="*/ 528637 w 690562"/>
              <a:gd name="connsiteY28" fmla="*/ 261937 h 319087"/>
              <a:gd name="connsiteX29" fmla="*/ 509587 w 690562"/>
              <a:gd name="connsiteY29" fmla="*/ 257175 h 319087"/>
              <a:gd name="connsiteX30" fmla="*/ 490537 w 690562"/>
              <a:gd name="connsiteY30" fmla="*/ 235744 h 319087"/>
              <a:gd name="connsiteX31" fmla="*/ 481012 w 690562"/>
              <a:gd name="connsiteY31" fmla="*/ 202406 h 319087"/>
              <a:gd name="connsiteX32" fmla="*/ 461962 w 690562"/>
              <a:gd name="connsiteY32" fmla="*/ 154781 h 319087"/>
              <a:gd name="connsiteX33" fmla="*/ 457200 w 690562"/>
              <a:gd name="connsiteY33" fmla="*/ 126206 h 319087"/>
              <a:gd name="connsiteX34" fmla="*/ 457200 w 690562"/>
              <a:gd name="connsiteY34" fmla="*/ 111919 h 319087"/>
              <a:gd name="connsiteX35" fmla="*/ 469106 w 690562"/>
              <a:gd name="connsiteY35" fmla="*/ 100012 h 319087"/>
              <a:gd name="connsiteX36" fmla="*/ 476250 w 690562"/>
              <a:gd name="connsiteY36" fmla="*/ 78581 h 319087"/>
              <a:gd name="connsiteX37" fmla="*/ 497681 w 690562"/>
              <a:gd name="connsiteY37" fmla="*/ 73819 h 319087"/>
              <a:gd name="connsiteX38" fmla="*/ 500062 w 690562"/>
              <a:gd name="connsiteY38" fmla="*/ 92869 h 319087"/>
              <a:gd name="connsiteX39" fmla="*/ 495300 w 690562"/>
              <a:gd name="connsiteY39" fmla="*/ 107156 h 319087"/>
              <a:gd name="connsiteX40" fmla="*/ 509587 w 690562"/>
              <a:gd name="connsiteY40" fmla="*/ 116681 h 319087"/>
              <a:gd name="connsiteX41" fmla="*/ 509587 w 690562"/>
              <a:gd name="connsiteY41" fmla="*/ 126206 h 319087"/>
              <a:gd name="connsiteX42" fmla="*/ 504825 w 690562"/>
              <a:gd name="connsiteY42" fmla="*/ 147637 h 319087"/>
              <a:gd name="connsiteX43" fmla="*/ 502443 w 690562"/>
              <a:gd name="connsiteY43" fmla="*/ 154781 h 319087"/>
              <a:gd name="connsiteX44" fmla="*/ 523875 w 690562"/>
              <a:gd name="connsiteY44" fmla="*/ 171450 h 319087"/>
              <a:gd name="connsiteX45" fmla="*/ 531018 w 690562"/>
              <a:gd name="connsiteY45" fmla="*/ 185737 h 319087"/>
              <a:gd name="connsiteX46" fmla="*/ 545306 w 690562"/>
              <a:gd name="connsiteY46" fmla="*/ 190500 h 319087"/>
              <a:gd name="connsiteX47" fmla="*/ 531018 w 690562"/>
              <a:gd name="connsiteY47" fmla="*/ 204787 h 319087"/>
              <a:gd name="connsiteX48" fmla="*/ 528637 w 690562"/>
              <a:gd name="connsiteY48" fmla="*/ 216694 h 319087"/>
              <a:gd name="connsiteX49" fmla="*/ 547687 w 690562"/>
              <a:gd name="connsiteY49" fmla="*/ 235744 h 319087"/>
              <a:gd name="connsiteX50" fmla="*/ 547687 w 690562"/>
              <a:gd name="connsiteY50" fmla="*/ 235744 h 319087"/>
              <a:gd name="connsiteX51" fmla="*/ 581025 w 690562"/>
              <a:gd name="connsiteY51" fmla="*/ 247650 h 319087"/>
              <a:gd name="connsiteX52" fmla="*/ 595312 w 690562"/>
              <a:gd name="connsiteY52" fmla="*/ 242887 h 319087"/>
              <a:gd name="connsiteX53" fmla="*/ 602456 w 690562"/>
              <a:gd name="connsiteY53" fmla="*/ 264319 h 319087"/>
              <a:gd name="connsiteX54" fmla="*/ 602456 w 690562"/>
              <a:gd name="connsiteY54" fmla="*/ 292894 h 319087"/>
              <a:gd name="connsiteX55" fmla="*/ 611981 w 690562"/>
              <a:gd name="connsiteY55" fmla="*/ 297656 h 319087"/>
              <a:gd name="connsiteX56" fmla="*/ 631031 w 690562"/>
              <a:gd name="connsiteY56" fmla="*/ 297656 h 319087"/>
              <a:gd name="connsiteX57" fmla="*/ 650081 w 690562"/>
              <a:gd name="connsiteY57" fmla="*/ 285750 h 319087"/>
              <a:gd name="connsiteX58" fmla="*/ 669131 w 690562"/>
              <a:gd name="connsiteY58" fmla="*/ 278606 h 319087"/>
              <a:gd name="connsiteX59" fmla="*/ 681037 w 690562"/>
              <a:gd name="connsiteY59" fmla="*/ 278606 h 319087"/>
              <a:gd name="connsiteX60" fmla="*/ 690562 w 690562"/>
              <a:gd name="connsiteY60" fmla="*/ 204787 h 319087"/>
              <a:gd name="connsiteX61" fmla="*/ 614362 w 690562"/>
              <a:gd name="connsiteY61" fmla="*/ 228600 h 319087"/>
              <a:gd name="connsiteX62" fmla="*/ 600075 w 690562"/>
              <a:gd name="connsiteY62" fmla="*/ 173831 h 319087"/>
              <a:gd name="connsiteX63" fmla="*/ 583406 w 690562"/>
              <a:gd name="connsiteY63" fmla="*/ 145256 h 319087"/>
              <a:gd name="connsiteX64" fmla="*/ 585787 w 690562"/>
              <a:gd name="connsiteY64" fmla="*/ 121444 h 319087"/>
              <a:gd name="connsiteX65" fmla="*/ 566737 w 690562"/>
              <a:gd name="connsiteY65" fmla="*/ 83344 h 319087"/>
              <a:gd name="connsiteX66" fmla="*/ 561975 w 690562"/>
              <a:gd name="connsiteY66" fmla="*/ 50006 h 319087"/>
              <a:gd name="connsiteX67" fmla="*/ 533400 w 690562"/>
              <a:gd name="connsiteY67" fmla="*/ 0 h 319087"/>
              <a:gd name="connsiteX68" fmla="*/ 411956 w 690562"/>
              <a:gd name="connsiteY68" fmla="*/ 42862 h 319087"/>
              <a:gd name="connsiteX69" fmla="*/ 319087 w 690562"/>
              <a:gd name="connsiteY69" fmla="*/ 71437 h 319087"/>
              <a:gd name="connsiteX70" fmla="*/ 257175 w 690562"/>
              <a:gd name="connsiteY70" fmla="*/ 92869 h 319087"/>
              <a:gd name="connsiteX71" fmla="*/ 147637 w 690562"/>
              <a:gd name="connsiteY71" fmla="*/ 126206 h 319087"/>
              <a:gd name="connsiteX72" fmla="*/ 64293 w 690562"/>
              <a:gd name="connsiteY72" fmla="*/ 157162 h 319087"/>
              <a:gd name="connsiteX73" fmla="*/ 0 w 690562"/>
              <a:gd name="connsiteY73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4800 w 690562"/>
              <a:gd name="connsiteY13" fmla="*/ 154817 h 319087"/>
              <a:gd name="connsiteX14" fmla="*/ 361950 w 690562"/>
              <a:gd name="connsiteY14" fmla="*/ 195297 h 319087"/>
              <a:gd name="connsiteX15" fmla="*/ 397668 w 690562"/>
              <a:gd name="connsiteY15" fmla="*/ 214312 h 319087"/>
              <a:gd name="connsiteX16" fmla="*/ 402431 w 690562"/>
              <a:gd name="connsiteY16" fmla="*/ 235744 h 319087"/>
              <a:gd name="connsiteX17" fmla="*/ 400050 w 690562"/>
              <a:gd name="connsiteY17" fmla="*/ 264319 h 319087"/>
              <a:gd name="connsiteX18" fmla="*/ 388143 w 690562"/>
              <a:gd name="connsiteY18" fmla="*/ 290512 h 319087"/>
              <a:gd name="connsiteX19" fmla="*/ 409575 w 690562"/>
              <a:gd name="connsiteY19" fmla="*/ 302419 h 319087"/>
              <a:gd name="connsiteX20" fmla="*/ 419100 w 690562"/>
              <a:gd name="connsiteY20" fmla="*/ 302419 h 319087"/>
              <a:gd name="connsiteX21" fmla="*/ 438150 w 690562"/>
              <a:gd name="connsiteY21" fmla="*/ 290512 h 319087"/>
              <a:gd name="connsiteX22" fmla="*/ 454818 w 690562"/>
              <a:gd name="connsiteY22" fmla="*/ 295275 h 319087"/>
              <a:gd name="connsiteX23" fmla="*/ 473868 w 690562"/>
              <a:gd name="connsiteY23" fmla="*/ 309562 h 319087"/>
              <a:gd name="connsiteX24" fmla="*/ 507206 w 690562"/>
              <a:gd name="connsiteY24" fmla="*/ 314325 h 319087"/>
              <a:gd name="connsiteX25" fmla="*/ 523875 w 690562"/>
              <a:gd name="connsiteY25" fmla="*/ 319087 h 319087"/>
              <a:gd name="connsiteX26" fmla="*/ 526256 w 690562"/>
              <a:gd name="connsiteY26" fmla="*/ 302419 h 319087"/>
              <a:gd name="connsiteX27" fmla="*/ 535781 w 690562"/>
              <a:gd name="connsiteY27" fmla="*/ 290512 h 319087"/>
              <a:gd name="connsiteX28" fmla="*/ 528637 w 690562"/>
              <a:gd name="connsiteY28" fmla="*/ 261937 h 319087"/>
              <a:gd name="connsiteX29" fmla="*/ 509587 w 690562"/>
              <a:gd name="connsiteY29" fmla="*/ 257175 h 319087"/>
              <a:gd name="connsiteX30" fmla="*/ 490537 w 690562"/>
              <a:gd name="connsiteY30" fmla="*/ 235744 h 319087"/>
              <a:gd name="connsiteX31" fmla="*/ 481012 w 690562"/>
              <a:gd name="connsiteY31" fmla="*/ 202406 h 319087"/>
              <a:gd name="connsiteX32" fmla="*/ 461962 w 690562"/>
              <a:gd name="connsiteY32" fmla="*/ 154781 h 319087"/>
              <a:gd name="connsiteX33" fmla="*/ 457200 w 690562"/>
              <a:gd name="connsiteY33" fmla="*/ 126206 h 319087"/>
              <a:gd name="connsiteX34" fmla="*/ 457200 w 690562"/>
              <a:gd name="connsiteY34" fmla="*/ 111919 h 319087"/>
              <a:gd name="connsiteX35" fmla="*/ 469106 w 690562"/>
              <a:gd name="connsiteY35" fmla="*/ 100012 h 319087"/>
              <a:gd name="connsiteX36" fmla="*/ 476250 w 690562"/>
              <a:gd name="connsiteY36" fmla="*/ 78581 h 319087"/>
              <a:gd name="connsiteX37" fmla="*/ 497681 w 690562"/>
              <a:gd name="connsiteY37" fmla="*/ 73819 h 319087"/>
              <a:gd name="connsiteX38" fmla="*/ 500062 w 690562"/>
              <a:gd name="connsiteY38" fmla="*/ 92869 h 319087"/>
              <a:gd name="connsiteX39" fmla="*/ 495300 w 690562"/>
              <a:gd name="connsiteY39" fmla="*/ 107156 h 319087"/>
              <a:gd name="connsiteX40" fmla="*/ 509587 w 690562"/>
              <a:gd name="connsiteY40" fmla="*/ 116681 h 319087"/>
              <a:gd name="connsiteX41" fmla="*/ 509587 w 690562"/>
              <a:gd name="connsiteY41" fmla="*/ 126206 h 319087"/>
              <a:gd name="connsiteX42" fmla="*/ 504825 w 690562"/>
              <a:gd name="connsiteY42" fmla="*/ 147637 h 319087"/>
              <a:gd name="connsiteX43" fmla="*/ 502443 w 690562"/>
              <a:gd name="connsiteY43" fmla="*/ 154781 h 319087"/>
              <a:gd name="connsiteX44" fmla="*/ 523875 w 690562"/>
              <a:gd name="connsiteY44" fmla="*/ 171450 h 319087"/>
              <a:gd name="connsiteX45" fmla="*/ 531018 w 690562"/>
              <a:gd name="connsiteY45" fmla="*/ 185737 h 319087"/>
              <a:gd name="connsiteX46" fmla="*/ 545306 w 690562"/>
              <a:gd name="connsiteY46" fmla="*/ 190500 h 319087"/>
              <a:gd name="connsiteX47" fmla="*/ 531018 w 690562"/>
              <a:gd name="connsiteY47" fmla="*/ 204787 h 319087"/>
              <a:gd name="connsiteX48" fmla="*/ 528637 w 690562"/>
              <a:gd name="connsiteY48" fmla="*/ 216694 h 319087"/>
              <a:gd name="connsiteX49" fmla="*/ 547687 w 690562"/>
              <a:gd name="connsiteY49" fmla="*/ 235744 h 319087"/>
              <a:gd name="connsiteX50" fmla="*/ 547687 w 690562"/>
              <a:gd name="connsiteY50" fmla="*/ 235744 h 319087"/>
              <a:gd name="connsiteX51" fmla="*/ 581025 w 690562"/>
              <a:gd name="connsiteY51" fmla="*/ 247650 h 319087"/>
              <a:gd name="connsiteX52" fmla="*/ 595312 w 690562"/>
              <a:gd name="connsiteY52" fmla="*/ 242887 h 319087"/>
              <a:gd name="connsiteX53" fmla="*/ 602456 w 690562"/>
              <a:gd name="connsiteY53" fmla="*/ 264319 h 319087"/>
              <a:gd name="connsiteX54" fmla="*/ 602456 w 690562"/>
              <a:gd name="connsiteY54" fmla="*/ 292894 h 319087"/>
              <a:gd name="connsiteX55" fmla="*/ 611981 w 690562"/>
              <a:gd name="connsiteY55" fmla="*/ 297656 h 319087"/>
              <a:gd name="connsiteX56" fmla="*/ 631031 w 690562"/>
              <a:gd name="connsiteY56" fmla="*/ 297656 h 319087"/>
              <a:gd name="connsiteX57" fmla="*/ 650081 w 690562"/>
              <a:gd name="connsiteY57" fmla="*/ 285750 h 319087"/>
              <a:gd name="connsiteX58" fmla="*/ 669131 w 690562"/>
              <a:gd name="connsiteY58" fmla="*/ 278606 h 319087"/>
              <a:gd name="connsiteX59" fmla="*/ 681037 w 690562"/>
              <a:gd name="connsiteY59" fmla="*/ 278606 h 319087"/>
              <a:gd name="connsiteX60" fmla="*/ 690562 w 690562"/>
              <a:gd name="connsiteY60" fmla="*/ 204787 h 319087"/>
              <a:gd name="connsiteX61" fmla="*/ 614362 w 690562"/>
              <a:gd name="connsiteY61" fmla="*/ 228600 h 319087"/>
              <a:gd name="connsiteX62" fmla="*/ 600075 w 690562"/>
              <a:gd name="connsiteY62" fmla="*/ 173831 h 319087"/>
              <a:gd name="connsiteX63" fmla="*/ 583406 w 690562"/>
              <a:gd name="connsiteY63" fmla="*/ 145256 h 319087"/>
              <a:gd name="connsiteX64" fmla="*/ 585787 w 690562"/>
              <a:gd name="connsiteY64" fmla="*/ 121444 h 319087"/>
              <a:gd name="connsiteX65" fmla="*/ 566737 w 690562"/>
              <a:gd name="connsiteY65" fmla="*/ 83344 h 319087"/>
              <a:gd name="connsiteX66" fmla="*/ 561975 w 690562"/>
              <a:gd name="connsiteY66" fmla="*/ 50006 h 319087"/>
              <a:gd name="connsiteX67" fmla="*/ 533400 w 690562"/>
              <a:gd name="connsiteY67" fmla="*/ 0 h 319087"/>
              <a:gd name="connsiteX68" fmla="*/ 411956 w 690562"/>
              <a:gd name="connsiteY68" fmla="*/ 42862 h 319087"/>
              <a:gd name="connsiteX69" fmla="*/ 319087 w 690562"/>
              <a:gd name="connsiteY69" fmla="*/ 71437 h 319087"/>
              <a:gd name="connsiteX70" fmla="*/ 257175 w 690562"/>
              <a:gd name="connsiteY70" fmla="*/ 92869 h 319087"/>
              <a:gd name="connsiteX71" fmla="*/ 147637 w 690562"/>
              <a:gd name="connsiteY71" fmla="*/ 126206 h 319087"/>
              <a:gd name="connsiteX72" fmla="*/ 64293 w 690562"/>
              <a:gd name="connsiteY72" fmla="*/ 157162 h 319087"/>
              <a:gd name="connsiteX73" fmla="*/ 0 w 690562"/>
              <a:gd name="connsiteY73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4800 w 690562"/>
              <a:gd name="connsiteY13" fmla="*/ 154817 h 319087"/>
              <a:gd name="connsiteX14" fmla="*/ 361950 w 690562"/>
              <a:gd name="connsiteY14" fmla="*/ 195297 h 319087"/>
              <a:gd name="connsiteX15" fmla="*/ 397668 w 690562"/>
              <a:gd name="connsiteY15" fmla="*/ 214312 h 319087"/>
              <a:gd name="connsiteX16" fmla="*/ 402431 w 690562"/>
              <a:gd name="connsiteY16" fmla="*/ 235744 h 319087"/>
              <a:gd name="connsiteX17" fmla="*/ 400050 w 690562"/>
              <a:gd name="connsiteY17" fmla="*/ 264319 h 319087"/>
              <a:gd name="connsiteX18" fmla="*/ 388143 w 690562"/>
              <a:gd name="connsiteY18" fmla="*/ 290512 h 319087"/>
              <a:gd name="connsiteX19" fmla="*/ 409575 w 690562"/>
              <a:gd name="connsiteY19" fmla="*/ 302419 h 319087"/>
              <a:gd name="connsiteX20" fmla="*/ 419100 w 690562"/>
              <a:gd name="connsiteY20" fmla="*/ 302419 h 319087"/>
              <a:gd name="connsiteX21" fmla="*/ 438150 w 690562"/>
              <a:gd name="connsiteY21" fmla="*/ 290512 h 319087"/>
              <a:gd name="connsiteX22" fmla="*/ 473868 w 690562"/>
              <a:gd name="connsiteY22" fmla="*/ 309562 h 319087"/>
              <a:gd name="connsiteX23" fmla="*/ 507206 w 690562"/>
              <a:gd name="connsiteY23" fmla="*/ 314325 h 319087"/>
              <a:gd name="connsiteX24" fmla="*/ 523875 w 690562"/>
              <a:gd name="connsiteY24" fmla="*/ 319087 h 319087"/>
              <a:gd name="connsiteX25" fmla="*/ 526256 w 690562"/>
              <a:gd name="connsiteY25" fmla="*/ 302419 h 319087"/>
              <a:gd name="connsiteX26" fmla="*/ 535781 w 690562"/>
              <a:gd name="connsiteY26" fmla="*/ 290512 h 319087"/>
              <a:gd name="connsiteX27" fmla="*/ 528637 w 690562"/>
              <a:gd name="connsiteY27" fmla="*/ 261937 h 319087"/>
              <a:gd name="connsiteX28" fmla="*/ 509587 w 690562"/>
              <a:gd name="connsiteY28" fmla="*/ 257175 h 319087"/>
              <a:gd name="connsiteX29" fmla="*/ 490537 w 690562"/>
              <a:gd name="connsiteY29" fmla="*/ 235744 h 319087"/>
              <a:gd name="connsiteX30" fmla="*/ 481012 w 690562"/>
              <a:gd name="connsiteY30" fmla="*/ 202406 h 319087"/>
              <a:gd name="connsiteX31" fmla="*/ 461962 w 690562"/>
              <a:gd name="connsiteY31" fmla="*/ 154781 h 319087"/>
              <a:gd name="connsiteX32" fmla="*/ 457200 w 690562"/>
              <a:gd name="connsiteY32" fmla="*/ 126206 h 319087"/>
              <a:gd name="connsiteX33" fmla="*/ 457200 w 690562"/>
              <a:gd name="connsiteY33" fmla="*/ 111919 h 319087"/>
              <a:gd name="connsiteX34" fmla="*/ 469106 w 690562"/>
              <a:gd name="connsiteY34" fmla="*/ 100012 h 319087"/>
              <a:gd name="connsiteX35" fmla="*/ 476250 w 690562"/>
              <a:gd name="connsiteY35" fmla="*/ 78581 h 319087"/>
              <a:gd name="connsiteX36" fmla="*/ 497681 w 690562"/>
              <a:gd name="connsiteY36" fmla="*/ 73819 h 319087"/>
              <a:gd name="connsiteX37" fmla="*/ 500062 w 690562"/>
              <a:gd name="connsiteY37" fmla="*/ 92869 h 319087"/>
              <a:gd name="connsiteX38" fmla="*/ 495300 w 690562"/>
              <a:gd name="connsiteY38" fmla="*/ 107156 h 319087"/>
              <a:gd name="connsiteX39" fmla="*/ 509587 w 690562"/>
              <a:gd name="connsiteY39" fmla="*/ 116681 h 319087"/>
              <a:gd name="connsiteX40" fmla="*/ 509587 w 690562"/>
              <a:gd name="connsiteY40" fmla="*/ 126206 h 319087"/>
              <a:gd name="connsiteX41" fmla="*/ 504825 w 690562"/>
              <a:gd name="connsiteY41" fmla="*/ 147637 h 319087"/>
              <a:gd name="connsiteX42" fmla="*/ 502443 w 690562"/>
              <a:gd name="connsiteY42" fmla="*/ 154781 h 319087"/>
              <a:gd name="connsiteX43" fmla="*/ 523875 w 690562"/>
              <a:gd name="connsiteY43" fmla="*/ 171450 h 319087"/>
              <a:gd name="connsiteX44" fmla="*/ 531018 w 690562"/>
              <a:gd name="connsiteY44" fmla="*/ 185737 h 319087"/>
              <a:gd name="connsiteX45" fmla="*/ 545306 w 690562"/>
              <a:gd name="connsiteY45" fmla="*/ 190500 h 319087"/>
              <a:gd name="connsiteX46" fmla="*/ 531018 w 690562"/>
              <a:gd name="connsiteY46" fmla="*/ 204787 h 319087"/>
              <a:gd name="connsiteX47" fmla="*/ 528637 w 690562"/>
              <a:gd name="connsiteY47" fmla="*/ 216694 h 319087"/>
              <a:gd name="connsiteX48" fmla="*/ 547687 w 690562"/>
              <a:gd name="connsiteY48" fmla="*/ 235744 h 319087"/>
              <a:gd name="connsiteX49" fmla="*/ 547687 w 690562"/>
              <a:gd name="connsiteY49" fmla="*/ 235744 h 319087"/>
              <a:gd name="connsiteX50" fmla="*/ 581025 w 690562"/>
              <a:gd name="connsiteY50" fmla="*/ 247650 h 319087"/>
              <a:gd name="connsiteX51" fmla="*/ 595312 w 690562"/>
              <a:gd name="connsiteY51" fmla="*/ 242887 h 319087"/>
              <a:gd name="connsiteX52" fmla="*/ 602456 w 690562"/>
              <a:gd name="connsiteY52" fmla="*/ 264319 h 319087"/>
              <a:gd name="connsiteX53" fmla="*/ 602456 w 690562"/>
              <a:gd name="connsiteY53" fmla="*/ 292894 h 319087"/>
              <a:gd name="connsiteX54" fmla="*/ 611981 w 690562"/>
              <a:gd name="connsiteY54" fmla="*/ 297656 h 319087"/>
              <a:gd name="connsiteX55" fmla="*/ 631031 w 690562"/>
              <a:gd name="connsiteY55" fmla="*/ 297656 h 319087"/>
              <a:gd name="connsiteX56" fmla="*/ 650081 w 690562"/>
              <a:gd name="connsiteY56" fmla="*/ 285750 h 319087"/>
              <a:gd name="connsiteX57" fmla="*/ 669131 w 690562"/>
              <a:gd name="connsiteY57" fmla="*/ 278606 h 319087"/>
              <a:gd name="connsiteX58" fmla="*/ 681037 w 690562"/>
              <a:gd name="connsiteY58" fmla="*/ 278606 h 319087"/>
              <a:gd name="connsiteX59" fmla="*/ 690562 w 690562"/>
              <a:gd name="connsiteY59" fmla="*/ 204787 h 319087"/>
              <a:gd name="connsiteX60" fmla="*/ 614362 w 690562"/>
              <a:gd name="connsiteY60" fmla="*/ 228600 h 319087"/>
              <a:gd name="connsiteX61" fmla="*/ 600075 w 690562"/>
              <a:gd name="connsiteY61" fmla="*/ 173831 h 319087"/>
              <a:gd name="connsiteX62" fmla="*/ 583406 w 690562"/>
              <a:gd name="connsiteY62" fmla="*/ 145256 h 319087"/>
              <a:gd name="connsiteX63" fmla="*/ 585787 w 690562"/>
              <a:gd name="connsiteY63" fmla="*/ 121444 h 319087"/>
              <a:gd name="connsiteX64" fmla="*/ 566737 w 690562"/>
              <a:gd name="connsiteY64" fmla="*/ 83344 h 319087"/>
              <a:gd name="connsiteX65" fmla="*/ 561975 w 690562"/>
              <a:gd name="connsiteY65" fmla="*/ 50006 h 319087"/>
              <a:gd name="connsiteX66" fmla="*/ 533400 w 690562"/>
              <a:gd name="connsiteY66" fmla="*/ 0 h 319087"/>
              <a:gd name="connsiteX67" fmla="*/ 411956 w 690562"/>
              <a:gd name="connsiteY67" fmla="*/ 42862 h 319087"/>
              <a:gd name="connsiteX68" fmla="*/ 319087 w 690562"/>
              <a:gd name="connsiteY68" fmla="*/ 71437 h 319087"/>
              <a:gd name="connsiteX69" fmla="*/ 257175 w 690562"/>
              <a:gd name="connsiteY69" fmla="*/ 92869 h 319087"/>
              <a:gd name="connsiteX70" fmla="*/ 147637 w 690562"/>
              <a:gd name="connsiteY70" fmla="*/ 126206 h 319087"/>
              <a:gd name="connsiteX71" fmla="*/ 64293 w 690562"/>
              <a:gd name="connsiteY71" fmla="*/ 157162 h 319087"/>
              <a:gd name="connsiteX72" fmla="*/ 0 w 690562"/>
              <a:gd name="connsiteY72" fmla="*/ 180975 h 319087"/>
              <a:gd name="connsiteX0" fmla="*/ 0 w 690562"/>
              <a:gd name="connsiteY0" fmla="*/ 180975 h 319087"/>
              <a:gd name="connsiteX1" fmla="*/ 40481 w 690562"/>
              <a:gd name="connsiteY1" fmla="*/ 238125 h 319087"/>
              <a:gd name="connsiteX2" fmla="*/ 76200 w 690562"/>
              <a:gd name="connsiteY2" fmla="*/ 207169 h 319087"/>
              <a:gd name="connsiteX3" fmla="*/ 92868 w 690562"/>
              <a:gd name="connsiteY3" fmla="*/ 209550 h 319087"/>
              <a:gd name="connsiteX4" fmla="*/ 104775 w 690562"/>
              <a:gd name="connsiteY4" fmla="*/ 161925 h 319087"/>
              <a:gd name="connsiteX5" fmla="*/ 145256 w 690562"/>
              <a:gd name="connsiteY5" fmla="*/ 169069 h 319087"/>
              <a:gd name="connsiteX6" fmla="*/ 171450 w 690562"/>
              <a:gd name="connsiteY6" fmla="*/ 161925 h 319087"/>
              <a:gd name="connsiteX7" fmla="*/ 192881 w 690562"/>
              <a:gd name="connsiteY7" fmla="*/ 140494 h 319087"/>
              <a:gd name="connsiteX8" fmla="*/ 216693 w 690562"/>
              <a:gd name="connsiteY8" fmla="*/ 119062 h 319087"/>
              <a:gd name="connsiteX9" fmla="*/ 238125 w 690562"/>
              <a:gd name="connsiteY9" fmla="*/ 119062 h 319087"/>
              <a:gd name="connsiteX10" fmla="*/ 259556 w 690562"/>
              <a:gd name="connsiteY10" fmla="*/ 130969 h 319087"/>
              <a:gd name="connsiteX11" fmla="*/ 264318 w 690562"/>
              <a:gd name="connsiteY11" fmla="*/ 145256 h 319087"/>
              <a:gd name="connsiteX12" fmla="*/ 283368 w 690562"/>
              <a:gd name="connsiteY12" fmla="*/ 157162 h 319087"/>
              <a:gd name="connsiteX13" fmla="*/ 304800 w 690562"/>
              <a:gd name="connsiteY13" fmla="*/ 154817 h 319087"/>
              <a:gd name="connsiteX14" fmla="*/ 361950 w 690562"/>
              <a:gd name="connsiteY14" fmla="*/ 195297 h 319087"/>
              <a:gd name="connsiteX15" fmla="*/ 397668 w 690562"/>
              <a:gd name="connsiteY15" fmla="*/ 214312 h 319087"/>
              <a:gd name="connsiteX16" fmla="*/ 402431 w 690562"/>
              <a:gd name="connsiteY16" fmla="*/ 235744 h 319087"/>
              <a:gd name="connsiteX17" fmla="*/ 400050 w 690562"/>
              <a:gd name="connsiteY17" fmla="*/ 264319 h 319087"/>
              <a:gd name="connsiteX18" fmla="*/ 388143 w 690562"/>
              <a:gd name="connsiteY18" fmla="*/ 290512 h 319087"/>
              <a:gd name="connsiteX19" fmla="*/ 409575 w 690562"/>
              <a:gd name="connsiteY19" fmla="*/ 302419 h 319087"/>
              <a:gd name="connsiteX20" fmla="*/ 419100 w 690562"/>
              <a:gd name="connsiteY20" fmla="*/ 302419 h 319087"/>
              <a:gd name="connsiteX21" fmla="*/ 438150 w 690562"/>
              <a:gd name="connsiteY21" fmla="*/ 290512 h 319087"/>
              <a:gd name="connsiteX22" fmla="*/ 473868 w 690562"/>
              <a:gd name="connsiteY22" fmla="*/ 309562 h 319087"/>
              <a:gd name="connsiteX23" fmla="*/ 523875 w 690562"/>
              <a:gd name="connsiteY23" fmla="*/ 319087 h 319087"/>
              <a:gd name="connsiteX24" fmla="*/ 526256 w 690562"/>
              <a:gd name="connsiteY24" fmla="*/ 302419 h 319087"/>
              <a:gd name="connsiteX25" fmla="*/ 535781 w 690562"/>
              <a:gd name="connsiteY25" fmla="*/ 290512 h 319087"/>
              <a:gd name="connsiteX26" fmla="*/ 528637 w 690562"/>
              <a:gd name="connsiteY26" fmla="*/ 261937 h 319087"/>
              <a:gd name="connsiteX27" fmla="*/ 509587 w 690562"/>
              <a:gd name="connsiteY27" fmla="*/ 257175 h 319087"/>
              <a:gd name="connsiteX28" fmla="*/ 490537 w 690562"/>
              <a:gd name="connsiteY28" fmla="*/ 235744 h 319087"/>
              <a:gd name="connsiteX29" fmla="*/ 481012 w 690562"/>
              <a:gd name="connsiteY29" fmla="*/ 202406 h 319087"/>
              <a:gd name="connsiteX30" fmla="*/ 461962 w 690562"/>
              <a:gd name="connsiteY30" fmla="*/ 154781 h 319087"/>
              <a:gd name="connsiteX31" fmla="*/ 457200 w 690562"/>
              <a:gd name="connsiteY31" fmla="*/ 126206 h 319087"/>
              <a:gd name="connsiteX32" fmla="*/ 457200 w 690562"/>
              <a:gd name="connsiteY32" fmla="*/ 111919 h 319087"/>
              <a:gd name="connsiteX33" fmla="*/ 469106 w 690562"/>
              <a:gd name="connsiteY33" fmla="*/ 100012 h 319087"/>
              <a:gd name="connsiteX34" fmla="*/ 476250 w 690562"/>
              <a:gd name="connsiteY34" fmla="*/ 78581 h 319087"/>
              <a:gd name="connsiteX35" fmla="*/ 497681 w 690562"/>
              <a:gd name="connsiteY35" fmla="*/ 73819 h 319087"/>
              <a:gd name="connsiteX36" fmla="*/ 500062 w 690562"/>
              <a:gd name="connsiteY36" fmla="*/ 92869 h 319087"/>
              <a:gd name="connsiteX37" fmla="*/ 495300 w 690562"/>
              <a:gd name="connsiteY37" fmla="*/ 107156 h 319087"/>
              <a:gd name="connsiteX38" fmla="*/ 509587 w 690562"/>
              <a:gd name="connsiteY38" fmla="*/ 116681 h 319087"/>
              <a:gd name="connsiteX39" fmla="*/ 509587 w 690562"/>
              <a:gd name="connsiteY39" fmla="*/ 126206 h 319087"/>
              <a:gd name="connsiteX40" fmla="*/ 504825 w 690562"/>
              <a:gd name="connsiteY40" fmla="*/ 147637 h 319087"/>
              <a:gd name="connsiteX41" fmla="*/ 502443 w 690562"/>
              <a:gd name="connsiteY41" fmla="*/ 154781 h 319087"/>
              <a:gd name="connsiteX42" fmla="*/ 523875 w 690562"/>
              <a:gd name="connsiteY42" fmla="*/ 171450 h 319087"/>
              <a:gd name="connsiteX43" fmla="*/ 531018 w 690562"/>
              <a:gd name="connsiteY43" fmla="*/ 185737 h 319087"/>
              <a:gd name="connsiteX44" fmla="*/ 545306 w 690562"/>
              <a:gd name="connsiteY44" fmla="*/ 190500 h 319087"/>
              <a:gd name="connsiteX45" fmla="*/ 531018 w 690562"/>
              <a:gd name="connsiteY45" fmla="*/ 204787 h 319087"/>
              <a:gd name="connsiteX46" fmla="*/ 528637 w 690562"/>
              <a:gd name="connsiteY46" fmla="*/ 216694 h 319087"/>
              <a:gd name="connsiteX47" fmla="*/ 547687 w 690562"/>
              <a:gd name="connsiteY47" fmla="*/ 235744 h 319087"/>
              <a:gd name="connsiteX48" fmla="*/ 547687 w 690562"/>
              <a:gd name="connsiteY48" fmla="*/ 235744 h 319087"/>
              <a:gd name="connsiteX49" fmla="*/ 581025 w 690562"/>
              <a:gd name="connsiteY49" fmla="*/ 247650 h 319087"/>
              <a:gd name="connsiteX50" fmla="*/ 595312 w 690562"/>
              <a:gd name="connsiteY50" fmla="*/ 242887 h 319087"/>
              <a:gd name="connsiteX51" fmla="*/ 602456 w 690562"/>
              <a:gd name="connsiteY51" fmla="*/ 264319 h 319087"/>
              <a:gd name="connsiteX52" fmla="*/ 602456 w 690562"/>
              <a:gd name="connsiteY52" fmla="*/ 292894 h 319087"/>
              <a:gd name="connsiteX53" fmla="*/ 611981 w 690562"/>
              <a:gd name="connsiteY53" fmla="*/ 297656 h 319087"/>
              <a:gd name="connsiteX54" fmla="*/ 631031 w 690562"/>
              <a:gd name="connsiteY54" fmla="*/ 297656 h 319087"/>
              <a:gd name="connsiteX55" fmla="*/ 650081 w 690562"/>
              <a:gd name="connsiteY55" fmla="*/ 285750 h 319087"/>
              <a:gd name="connsiteX56" fmla="*/ 669131 w 690562"/>
              <a:gd name="connsiteY56" fmla="*/ 278606 h 319087"/>
              <a:gd name="connsiteX57" fmla="*/ 681037 w 690562"/>
              <a:gd name="connsiteY57" fmla="*/ 278606 h 319087"/>
              <a:gd name="connsiteX58" fmla="*/ 690562 w 690562"/>
              <a:gd name="connsiteY58" fmla="*/ 204787 h 319087"/>
              <a:gd name="connsiteX59" fmla="*/ 614362 w 690562"/>
              <a:gd name="connsiteY59" fmla="*/ 228600 h 319087"/>
              <a:gd name="connsiteX60" fmla="*/ 600075 w 690562"/>
              <a:gd name="connsiteY60" fmla="*/ 173831 h 319087"/>
              <a:gd name="connsiteX61" fmla="*/ 583406 w 690562"/>
              <a:gd name="connsiteY61" fmla="*/ 145256 h 319087"/>
              <a:gd name="connsiteX62" fmla="*/ 585787 w 690562"/>
              <a:gd name="connsiteY62" fmla="*/ 121444 h 319087"/>
              <a:gd name="connsiteX63" fmla="*/ 566737 w 690562"/>
              <a:gd name="connsiteY63" fmla="*/ 83344 h 319087"/>
              <a:gd name="connsiteX64" fmla="*/ 561975 w 690562"/>
              <a:gd name="connsiteY64" fmla="*/ 50006 h 319087"/>
              <a:gd name="connsiteX65" fmla="*/ 533400 w 690562"/>
              <a:gd name="connsiteY65" fmla="*/ 0 h 319087"/>
              <a:gd name="connsiteX66" fmla="*/ 411956 w 690562"/>
              <a:gd name="connsiteY66" fmla="*/ 42862 h 319087"/>
              <a:gd name="connsiteX67" fmla="*/ 319087 w 690562"/>
              <a:gd name="connsiteY67" fmla="*/ 71437 h 319087"/>
              <a:gd name="connsiteX68" fmla="*/ 257175 w 690562"/>
              <a:gd name="connsiteY68" fmla="*/ 92869 h 319087"/>
              <a:gd name="connsiteX69" fmla="*/ 147637 w 690562"/>
              <a:gd name="connsiteY69" fmla="*/ 126206 h 319087"/>
              <a:gd name="connsiteX70" fmla="*/ 64293 w 690562"/>
              <a:gd name="connsiteY70" fmla="*/ 157162 h 319087"/>
              <a:gd name="connsiteX71" fmla="*/ 0 w 690562"/>
              <a:gd name="connsiteY71" fmla="*/ 180975 h 319087"/>
              <a:gd name="connsiteX0" fmla="*/ 0 w 690562"/>
              <a:gd name="connsiteY0" fmla="*/ 180975 h 333493"/>
              <a:gd name="connsiteX1" fmla="*/ 40481 w 690562"/>
              <a:gd name="connsiteY1" fmla="*/ 238125 h 333493"/>
              <a:gd name="connsiteX2" fmla="*/ 76200 w 690562"/>
              <a:gd name="connsiteY2" fmla="*/ 207169 h 333493"/>
              <a:gd name="connsiteX3" fmla="*/ 92868 w 690562"/>
              <a:gd name="connsiteY3" fmla="*/ 209550 h 333493"/>
              <a:gd name="connsiteX4" fmla="*/ 104775 w 690562"/>
              <a:gd name="connsiteY4" fmla="*/ 161925 h 333493"/>
              <a:gd name="connsiteX5" fmla="*/ 145256 w 690562"/>
              <a:gd name="connsiteY5" fmla="*/ 169069 h 333493"/>
              <a:gd name="connsiteX6" fmla="*/ 171450 w 690562"/>
              <a:gd name="connsiteY6" fmla="*/ 161925 h 333493"/>
              <a:gd name="connsiteX7" fmla="*/ 192881 w 690562"/>
              <a:gd name="connsiteY7" fmla="*/ 140494 h 333493"/>
              <a:gd name="connsiteX8" fmla="*/ 216693 w 690562"/>
              <a:gd name="connsiteY8" fmla="*/ 119062 h 333493"/>
              <a:gd name="connsiteX9" fmla="*/ 238125 w 690562"/>
              <a:gd name="connsiteY9" fmla="*/ 119062 h 333493"/>
              <a:gd name="connsiteX10" fmla="*/ 259556 w 690562"/>
              <a:gd name="connsiteY10" fmla="*/ 130969 h 333493"/>
              <a:gd name="connsiteX11" fmla="*/ 264318 w 690562"/>
              <a:gd name="connsiteY11" fmla="*/ 145256 h 333493"/>
              <a:gd name="connsiteX12" fmla="*/ 283368 w 690562"/>
              <a:gd name="connsiteY12" fmla="*/ 157162 h 333493"/>
              <a:gd name="connsiteX13" fmla="*/ 304800 w 690562"/>
              <a:gd name="connsiteY13" fmla="*/ 154817 h 333493"/>
              <a:gd name="connsiteX14" fmla="*/ 361950 w 690562"/>
              <a:gd name="connsiteY14" fmla="*/ 195297 h 333493"/>
              <a:gd name="connsiteX15" fmla="*/ 397668 w 690562"/>
              <a:gd name="connsiteY15" fmla="*/ 214312 h 333493"/>
              <a:gd name="connsiteX16" fmla="*/ 402431 w 690562"/>
              <a:gd name="connsiteY16" fmla="*/ 235744 h 333493"/>
              <a:gd name="connsiteX17" fmla="*/ 400050 w 690562"/>
              <a:gd name="connsiteY17" fmla="*/ 264319 h 333493"/>
              <a:gd name="connsiteX18" fmla="*/ 388143 w 690562"/>
              <a:gd name="connsiteY18" fmla="*/ 290512 h 333493"/>
              <a:gd name="connsiteX19" fmla="*/ 409575 w 690562"/>
              <a:gd name="connsiteY19" fmla="*/ 302419 h 333493"/>
              <a:gd name="connsiteX20" fmla="*/ 419100 w 690562"/>
              <a:gd name="connsiteY20" fmla="*/ 302419 h 333493"/>
              <a:gd name="connsiteX21" fmla="*/ 438150 w 690562"/>
              <a:gd name="connsiteY21" fmla="*/ 290512 h 333493"/>
              <a:gd name="connsiteX22" fmla="*/ 473868 w 690562"/>
              <a:gd name="connsiteY22" fmla="*/ 333493 h 333493"/>
              <a:gd name="connsiteX23" fmla="*/ 523875 w 690562"/>
              <a:gd name="connsiteY23" fmla="*/ 319087 h 333493"/>
              <a:gd name="connsiteX24" fmla="*/ 526256 w 690562"/>
              <a:gd name="connsiteY24" fmla="*/ 302419 h 333493"/>
              <a:gd name="connsiteX25" fmla="*/ 535781 w 690562"/>
              <a:gd name="connsiteY25" fmla="*/ 290512 h 333493"/>
              <a:gd name="connsiteX26" fmla="*/ 528637 w 690562"/>
              <a:gd name="connsiteY26" fmla="*/ 261937 h 333493"/>
              <a:gd name="connsiteX27" fmla="*/ 509587 w 690562"/>
              <a:gd name="connsiteY27" fmla="*/ 257175 h 333493"/>
              <a:gd name="connsiteX28" fmla="*/ 490537 w 690562"/>
              <a:gd name="connsiteY28" fmla="*/ 235744 h 333493"/>
              <a:gd name="connsiteX29" fmla="*/ 481012 w 690562"/>
              <a:gd name="connsiteY29" fmla="*/ 202406 h 333493"/>
              <a:gd name="connsiteX30" fmla="*/ 461962 w 690562"/>
              <a:gd name="connsiteY30" fmla="*/ 154781 h 333493"/>
              <a:gd name="connsiteX31" fmla="*/ 457200 w 690562"/>
              <a:gd name="connsiteY31" fmla="*/ 126206 h 333493"/>
              <a:gd name="connsiteX32" fmla="*/ 457200 w 690562"/>
              <a:gd name="connsiteY32" fmla="*/ 111919 h 333493"/>
              <a:gd name="connsiteX33" fmla="*/ 469106 w 690562"/>
              <a:gd name="connsiteY33" fmla="*/ 100012 h 333493"/>
              <a:gd name="connsiteX34" fmla="*/ 476250 w 690562"/>
              <a:gd name="connsiteY34" fmla="*/ 78581 h 333493"/>
              <a:gd name="connsiteX35" fmla="*/ 497681 w 690562"/>
              <a:gd name="connsiteY35" fmla="*/ 73819 h 333493"/>
              <a:gd name="connsiteX36" fmla="*/ 500062 w 690562"/>
              <a:gd name="connsiteY36" fmla="*/ 92869 h 333493"/>
              <a:gd name="connsiteX37" fmla="*/ 495300 w 690562"/>
              <a:gd name="connsiteY37" fmla="*/ 107156 h 333493"/>
              <a:gd name="connsiteX38" fmla="*/ 509587 w 690562"/>
              <a:gd name="connsiteY38" fmla="*/ 116681 h 333493"/>
              <a:gd name="connsiteX39" fmla="*/ 509587 w 690562"/>
              <a:gd name="connsiteY39" fmla="*/ 126206 h 333493"/>
              <a:gd name="connsiteX40" fmla="*/ 504825 w 690562"/>
              <a:gd name="connsiteY40" fmla="*/ 147637 h 333493"/>
              <a:gd name="connsiteX41" fmla="*/ 502443 w 690562"/>
              <a:gd name="connsiteY41" fmla="*/ 154781 h 333493"/>
              <a:gd name="connsiteX42" fmla="*/ 523875 w 690562"/>
              <a:gd name="connsiteY42" fmla="*/ 171450 h 333493"/>
              <a:gd name="connsiteX43" fmla="*/ 531018 w 690562"/>
              <a:gd name="connsiteY43" fmla="*/ 185737 h 333493"/>
              <a:gd name="connsiteX44" fmla="*/ 545306 w 690562"/>
              <a:gd name="connsiteY44" fmla="*/ 190500 h 333493"/>
              <a:gd name="connsiteX45" fmla="*/ 531018 w 690562"/>
              <a:gd name="connsiteY45" fmla="*/ 204787 h 333493"/>
              <a:gd name="connsiteX46" fmla="*/ 528637 w 690562"/>
              <a:gd name="connsiteY46" fmla="*/ 216694 h 333493"/>
              <a:gd name="connsiteX47" fmla="*/ 547687 w 690562"/>
              <a:gd name="connsiteY47" fmla="*/ 235744 h 333493"/>
              <a:gd name="connsiteX48" fmla="*/ 547687 w 690562"/>
              <a:gd name="connsiteY48" fmla="*/ 235744 h 333493"/>
              <a:gd name="connsiteX49" fmla="*/ 581025 w 690562"/>
              <a:gd name="connsiteY49" fmla="*/ 247650 h 333493"/>
              <a:gd name="connsiteX50" fmla="*/ 595312 w 690562"/>
              <a:gd name="connsiteY50" fmla="*/ 242887 h 333493"/>
              <a:gd name="connsiteX51" fmla="*/ 602456 w 690562"/>
              <a:gd name="connsiteY51" fmla="*/ 264319 h 333493"/>
              <a:gd name="connsiteX52" fmla="*/ 602456 w 690562"/>
              <a:gd name="connsiteY52" fmla="*/ 292894 h 333493"/>
              <a:gd name="connsiteX53" fmla="*/ 611981 w 690562"/>
              <a:gd name="connsiteY53" fmla="*/ 297656 h 333493"/>
              <a:gd name="connsiteX54" fmla="*/ 631031 w 690562"/>
              <a:gd name="connsiteY54" fmla="*/ 297656 h 333493"/>
              <a:gd name="connsiteX55" fmla="*/ 650081 w 690562"/>
              <a:gd name="connsiteY55" fmla="*/ 285750 h 333493"/>
              <a:gd name="connsiteX56" fmla="*/ 669131 w 690562"/>
              <a:gd name="connsiteY56" fmla="*/ 278606 h 333493"/>
              <a:gd name="connsiteX57" fmla="*/ 681037 w 690562"/>
              <a:gd name="connsiteY57" fmla="*/ 278606 h 333493"/>
              <a:gd name="connsiteX58" fmla="*/ 690562 w 690562"/>
              <a:gd name="connsiteY58" fmla="*/ 204787 h 333493"/>
              <a:gd name="connsiteX59" fmla="*/ 614362 w 690562"/>
              <a:gd name="connsiteY59" fmla="*/ 228600 h 333493"/>
              <a:gd name="connsiteX60" fmla="*/ 600075 w 690562"/>
              <a:gd name="connsiteY60" fmla="*/ 173831 h 333493"/>
              <a:gd name="connsiteX61" fmla="*/ 583406 w 690562"/>
              <a:gd name="connsiteY61" fmla="*/ 145256 h 333493"/>
              <a:gd name="connsiteX62" fmla="*/ 585787 w 690562"/>
              <a:gd name="connsiteY62" fmla="*/ 121444 h 333493"/>
              <a:gd name="connsiteX63" fmla="*/ 566737 w 690562"/>
              <a:gd name="connsiteY63" fmla="*/ 83344 h 333493"/>
              <a:gd name="connsiteX64" fmla="*/ 561975 w 690562"/>
              <a:gd name="connsiteY64" fmla="*/ 50006 h 333493"/>
              <a:gd name="connsiteX65" fmla="*/ 533400 w 690562"/>
              <a:gd name="connsiteY65" fmla="*/ 0 h 333493"/>
              <a:gd name="connsiteX66" fmla="*/ 411956 w 690562"/>
              <a:gd name="connsiteY66" fmla="*/ 42862 h 333493"/>
              <a:gd name="connsiteX67" fmla="*/ 319087 w 690562"/>
              <a:gd name="connsiteY67" fmla="*/ 71437 h 333493"/>
              <a:gd name="connsiteX68" fmla="*/ 257175 w 690562"/>
              <a:gd name="connsiteY68" fmla="*/ 92869 h 333493"/>
              <a:gd name="connsiteX69" fmla="*/ 147637 w 690562"/>
              <a:gd name="connsiteY69" fmla="*/ 126206 h 333493"/>
              <a:gd name="connsiteX70" fmla="*/ 64293 w 690562"/>
              <a:gd name="connsiteY70" fmla="*/ 157162 h 333493"/>
              <a:gd name="connsiteX71" fmla="*/ 0 w 690562"/>
              <a:gd name="connsiteY71" fmla="*/ 180975 h 3334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</a:cxnLst>
            <a:rect l="l" t="t" r="r" b="b"/>
            <a:pathLst>
              <a:path w="690562" h="333493">
                <a:moveTo>
                  <a:pt x="0" y="180975"/>
                </a:moveTo>
                <a:lnTo>
                  <a:pt x="40481" y="238125"/>
                </a:lnTo>
                <a:lnTo>
                  <a:pt x="76200" y="207169"/>
                </a:lnTo>
                <a:lnTo>
                  <a:pt x="92868" y="209550"/>
                </a:lnTo>
                <a:lnTo>
                  <a:pt x="104775" y="161925"/>
                </a:lnTo>
                <a:lnTo>
                  <a:pt x="145256" y="169069"/>
                </a:lnTo>
                <a:lnTo>
                  <a:pt x="171450" y="161925"/>
                </a:lnTo>
                <a:lnTo>
                  <a:pt x="192881" y="140494"/>
                </a:lnTo>
                <a:lnTo>
                  <a:pt x="216693" y="119062"/>
                </a:lnTo>
                <a:lnTo>
                  <a:pt x="238125" y="119062"/>
                </a:lnTo>
                <a:lnTo>
                  <a:pt x="259556" y="130969"/>
                </a:lnTo>
                <a:lnTo>
                  <a:pt x="264318" y="145256"/>
                </a:lnTo>
                <a:lnTo>
                  <a:pt x="283368" y="157162"/>
                </a:lnTo>
                <a:lnTo>
                  <a:pt x="304800" y="154817"/>
                </a:lnTo>
                <a:lnTo>
                  <a:pt x="361950" y="195297"/>
                </a:lnTo>
                <a:lnTo>
                  <a:pt x="397668" y="214312"/>
                </a:lnTo>
                <a:lnTo>
                  <a:pt x="402431" y="235744"/>
                </a:lnTo>
                <a:lnTo>
                  <a:pt x="400050" y="264319"/>
                </a:lnTo>
                <a:lnTo>
                  <a:pt x="388143" y="290512"/>
                </a:lnTo>
                <a:lnTo>
                  <a:pt x="409575" y="302419"/>
                </a:lnTo>
                <a:lnTo>
                  <a:pt x="419100" y="302419"/>
                </a:lnTo>
                <a:lnTo>
                  <a:pt x="438150" y="290512"/>
                </a:lnTo>
                <a:lnTo>
                  <a:pt x="473868" y="333493"/>
                </a:lnTo>
                <a:lnTo>
                  <a:pt x="523875" y="319087"/>
                </a:lnTo>
                <a:lnTo>
                  <a:pt x="526256" y="302419"/>
                </a:lnTo>
                <a:lnTo>
                  <a:pt x="535781" y="290512"/>
                </a:lnTo>
                <a:lnTo>
                  <a:pt x="528637" y="261937"/>
                </a:lnTo>
                <a:lnTo>
                  <a:pt x="509587" y="257175"/>
                </a:lnTo>
                <a:lnTo>
                  <a:pt x="490537" y="235744"/>
                </a:lnTo>
                <a:lnTo>
                  <a:pt x="481012" y="202406"/>
                </a:lnTo>
                <a:lnTo>
                  <a:pt x="461962" y="154781"/>
                </a:lnTo>
                <a:lnTo>
                  <a:pt x="457200" y="126206"/>
                </a:lnTo>
                <a:lnTo>
                  <a:pt x="457200" y="111919"/>
                </a:lnTo>
                <a:lnTo>
                  <a:pt x="469106" y="100012"/>
                </a:lnTo>
                <a:lnTo>
                  <a:pt x="476250" y="78581"/>
                </a:lnTo>
                <a:lnTo>
                  <a:pt x="497681" y="73819"/>
                </a:lnTo>
                <a:lnTo>
                  <a:pt x="500062" y="92869"/>
                </a:lnTo>
                <a:lnTo>
                  <a:pt x="495300" y="107156"/>
                </a:lnTo>
                <a:lnTo>
                  <a:pt x="509587" y="116681"/>
                </a:lnTo>
                <a:lnTo>
                  <a:pt x="509587" y="126206"/>
                </a:lnTo>
                <a:lnTo>
                  <a:pt x="504825" y="147637"/>
                </a:lnTo>
                <a:lnTo>
                  <a:pt x="502443" y="154781"/>
                </a:lnTo>
                <a:lnTo>
                  <a:pt x="523875" y="171450"/>
                </a:lnTo>
                <a:lnTo>
                  <a:pt x="531018" y="185737"/>
                </a:lnTo>
                <a:lnTo>
                  <a:pt x="545306" y="190500"/>
                </a:lnTo>
                <a:lnTo>
                  <a:pt x="531018" y="204787"/>
                </a:lnTo>
                <a:lnTo>
                  <a:pt x="528637" y="216694"/>
                </a:lnTo>
                <a:lnTo>
                  <a:pt x="547687" y="235744"/>
                </a:lnTo>
                <a:lnTo>
                  <a:pt x="547687" y="235744"/>
                </a:lnTo>
                <a:lnTo>
                  <a:pt x="581025" y="247650"/>
                </a:lnTo>
                <a:lnTo>
                  <a:pt x="595312" y="242887"/>
                </a:lnTo>
                <a:lnTo>
                  <a:pt x="602456" y="264319"/>
                </a:lnTo>
                <a:lnTo>
                  <a:pt x="602456" y="292894"/>
                </a:lnTo>
                <a:lnTo>
                  <a:pt x="611981" y="297656"/>
                </a:lnTo>
                <a:lnTo>
                  <a:pt x="631031" y="297656"/>
                </a:lnTo>
                <a:lnTo>
                  <a:pt x="650081" y="285750"/>
                </a:lnTo>
                <a:lnTo>
                  <a:pt x="669131" y="278606"/>
                </a:lnTo>
                <a:lnTo>
                  <a:pt x="681037" y="278606"/>
                </a:lnTo>
                <a:lnTo>
                  <a:pt x="690562" y="204787"/>
                </a:lnTo>
                <a:lnTo>
                  <a:pt x="614362" y="228600"/>
                </a:lnTo>
                <a:lnTo>
                  <a:pt x="600075" y="173831"/>
                </a:lnTo>
                <a:lnTo>
                  <a:pt x="583406" y="145256"/>
                </a:lnTo>
                <a:lnTo>
                  <a:pt x="585787" y="121444"/>
                </a:lnTo>
                <a:lnTo>
                  <a:pt x="566737" y="83344"/>
                </a:lnTo>
                <a:lnTo>
                  <a:pt x="561975" y="50006"/>
                </a:lnTo>
                <a:lnTo>
                  <a:pt x="533400" y="0"/>
                </a:lnTo>
                <a:lnTo>
                  <a:pt x="411956" y="42862"/>
                </a:lnTo>
                <a:lnTo>
                  <a:pt x="319087" y="71437"/>
                </a:lnTo>
                <a:lnTo>
                  <a:pt x="257175" y="92869"/>
                </a:lnTo>
                <a:lnTo>
                  <a:pt x="147637" y="126206"/>
                </a:lnTo>
                <a:lnTo>
                  <a:pt x="64293" y="157162"/>
                </a:lnTo>
                <a:lnTo>
                  <a:pt x="0" y="180975"/>
                </a:lnTo>
                <a:close/>
              </a:path>
            </a:pathLst>
          </a:custGeom>
          <a:solidFill>
            <a:srgbClr val="2282AF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8" name="Freeform 67"/>
          <p:cNvSpPr/>
          <p:nvPr userDrawn="1"/>
        </p:nvSpPr>
        <p:spPr>
          <a:xfrm rot="171972">
            <a:off x="6912892" y="2438970"/>
            <a:ext cx="901700" cy="657225"/>
          </a:xfrm>
          <a:custGeom>
            <a:avLst/>
            <a:gdLst>
              <a:gd name="connsiteX0" fmla="*/ 0 w 895350"/>
              <a:gd name="connsiteY0" fmla="*/ 230981 h 647700"/>
              <a:gd name="connsiteX1" fmla="*/ 69056 w 895350"/>
              <a:gd name="connsiteY1" fmla="*/ 461962 h 647700"/>
              <a:gd name="connsiteX2" fmla="*/ 128587 w 895350"/>
              <a:gd name="connsiteY2" fmla="*/ 647700 h 647700"/>
              <a:gd name="connsiteX3" fmla="*/ 461962 w 895350"/>
              <a:gd name="connsiteY3" fmla="*/ 554831 h 647700"/>
              <a:gd name="connsiteX4" fmla="*/ 840581 w 895350"/>
              <a:gd name="connsiteY4" fmla="*/ 426244 h 647700"/>
              <a:gd name="connsiteX5" fmla="*/ 859631 w 895350"/>
              <a:gd name="connsiteY5" fmla="*/ 354806 h 647700"/>
              <a:gd name="connsiteX6" fmla="*/ 895350 w 895350"/>
              <a:gd name="connsiteY6" fmla="*/ 321469 h 647700"/>
              <a:gd name="connsiteX7" fmla="*/ 885825 w 895350"/>
              <a:gd name="connsiteY7" fmla="*/ 273844 h 647700"/>
              <a:gd name="connsiteX8" fmla="*/ 819150 w 895350"/>
              <a:gd name="connsiteY8" fmla="*/ 257175 h 647700"/>
              <a:gd name="connsiteX9" fmla="*/ 819150 w 895350"/>
              <a:gd name="connsiteY9" fmla="*/ 223837 h 647700"/>
              <a:gd name="connsiteX10" fmla="*/ 804862 w 895350"/>
              <a:gd name="connsiteY10" fmla="*/ 188119 h 647700"/>
              <a:gd name="connsiteX11" fmla="*/ 816769 w 895350"/>
              <a:gd name="connsiteY11" fmla="*/ 80962 h 647700"/>
              <a:gd name="connsiteX12" fmla="*/ 781050 w 895350"/>
              <a:gd name="connsiteY12" fmla="*/ 40481 h 647700"/>
              <a:gd name="connsiteX13" fmla="*/ 733425 w 895350"/>
              <a:gd name="connsiteY13" fmla="*/ 9525 h 647700"/>
              <a:gd name="connsiteX14" fmla="*/ 702469 w 895350"/>
              <a:gd name="connsiteY14" fmla="*/ 0 h 647700"/>
              <a:gd name="connsiteX15" fmla="*/ 397669 w 895350"/>
              <a:gd name="connsiteY15" fmla="*/ 95250 h 647700"/>
              <a:gd name="connsiteX16" fmla="*/ 50006 w 895350"/>
              <a:gd name="connsiteY16" fmla="*/ 200025 h 647700"/>
              <a:gd name="connsiteX17" fmla="*/ 40481 w 895350"/>
              <a:gd name="connsiteY17" fmla="*/ 195262 h 647700"/>
              <a:gd name="connsiteX18" fmla="*/ 0 w 895350"/>
              <a:gd name="connsiteY18" fmla="*/ 230981 h 647700"/>
              <a:gd name="connsiteX0" fmla="*/ 0 w 895350"/>
              <a:gd name="connsiteY0" fmla="*/ 230981 h 647700"/>
              <a:gd name="connsiteX1" fmla="*/ 69056 w 895350"/>
              <a:gd name="connsiteY1" fmla="*/ 461962 h 647700"/>
              <a:gd name="connsiteX2" fmla="*/ 128587 w 895350"/>
              <a:gd name="connsiteY2" fmla="*/ 647700 h 647700"/>
              <a:gd name="connsiteX3" fmla="*/ 461962 w 895350"/>
              <a:gd name="connsiteY3" fmla="*/ 554831 h 647700"/>
              <a:gd name="connsiteX4" fmla="*/ 840581 w 895350"/>
              <a:gd name="connsiteY4" fmla="*/ 426244 h 647700"/>
              <a:gd name="connsiteX5" fmla="*/ 859631 w 895350"/>
              <a:gd name="connsiteY5" fmla="*/ 354806 h 647700"/>
              <a:gd name="connsiteX6" fmla="*/ 895350 w 895350"/>
              <a:gd name="connsiteY6" fmla="*/ 321469 h 647700"/>
              <a:gd name="connsiteX7" fmla="*/ 885825 w 895350"/>
              <a:gd name="connsiteY7" fmla="*/ 273844 h 647700"/>
              <a:gd name="connsiteX8" fmla="*/ 819150 w 895350"/>
              <a:gd name="connsiteY8" fmla="*/ 257175 h 647700"/>
              <a:gd name="connsiteX9" fmla="*/ 819150 w 895350"/>
              <a:gd name="connsiteY9" fmla="*/ 223837 h 647700"/>
              <a:gd name="connsiteX10" fmla="*/ 804862 w 895350"/>
              <a:gd name="connsiteY10" fmla="*/ 188119 h 647700"/>
              <a:gd name="connsiteX11" fmla="*/ 816769 w 895350"/>
              <a:gd name="connsiteY11" fmla="*/ 80962 h 647700"/>
              <a:gd name="connsiteX12" fmla="*/ 781050 w 895350"/>
              <a:gd name="connsiteY12" fmla="*/ 40481 h 647700"/>
              <a:gd name="connsiteX13" fmla="*/ 733425 w 895350"/>
              <a:gd name="connsiteY13" fmla="*/ 9525 h 647700"/>
              <a:gd name="connsiteX14" fmla="*/ 702469 w 895350"/>
              <a:gd name="connsiteY14" fmla="*/ 0 h 647700"/>
              <a:gd name="connsiteX15" fmla="*/ 397669 w 895350"/>
              <a:gd name="connsiteY15" fmla="*/ 95250 h 647700"/>
              <a:gd name="connsiteX16" fmla="*/ 64293 w 895350"/>
              <a:gd name="connsiteY16" fmla="*/ 188118 h 647700"/>
              <a:gd name="connsiteX17" fmla="*/ 40481 w 895350"/>
              <a:gd name="connsiteY17" fmla="*/ 195262 h 647700"/>
              <a:gd name="connsiteX18" fmla="*/ 0 w 895350"/>
              <a:gd name="connsiteY18" fmla="*/ 230981 h 647700"/>
              <a:gd name="connsiteX0" fmla="*/ 0 w 902493"/>
              <a:gd name="connsiteY0" fmla="*/ 245268 h 647700"/>
              <a:gd name="connsiteX1" fmla="*/ 76199 w 902493"/>
              <a:gd name="connsiteY1" fmla="*/ 461962 h 647700"/>
              <a:gd name="connsiteX2" fmla="*/ 135730 w 902493"/>
              <a:gd name="connsiteY2" fmla="*/ 647700 h 647700"/>
              <a:gd name="connsiteX3" fmla="*/ 469105 w 902493"/>
              <a:gd name="connsiteY3" fmla="*/ 554831 h 647700"/>
              <a:gd name="connsiteX4" fmla="*/ 847724 w 902493"/>
              <a:gd name="connsiteY4" fmla="*/ 426244 h 647700"/>
              <a:gd name="connsiteX5" fmla="*/ 866774 w 902493"/>
              <a:gd name="connsiteY5" fmla="*/ 354806 h 647700"/>
              <a:gd name="connsiteX6" fmla="*/ 902493 w 902493"/>
              <a:gd name="connsiteY6" fmla="*/ 321469 h 647700"/>
              <a:gd name="connsiteX7" fmla="*/ 892968 w 902493"/>
              <a:gd name="connsiteY7" fmla="*/ 273844 h 647700"/>
              <a:gd name="connsiteX8" fmla="*/ 826293 w 902493"/>
              <a:gd name="connsiteY8" fmla="*/ 257175 h 647700"/>
              <a:gd name="connsiteX9" fmla="*/ 826293 w 902493"/>
              <a:gd name="connsiteY9" fmla="*/ 223837 h 647700"/>
              <a:gd name="connsiteX10" fmla="*/ 812005 w 902493"/>
              <a:gd name="connsiteY10" fmla="*/ 188119 h 647700"/>
              <a:gd name="connsiteX11" fmla="*/ 823912 w 902493"/>
              <a:gd name="connsiteY11" fmla="*/ 80962 h 647700"/>
              <a:gd name="connsiteX12" fmla="*/ 788193 w 902493"/>
              <a:gd name="connsiteY12" fmla="*/ 40481 h 647700"/>
              <a:gd name="connsiteX13" fmla="*/ 740568 w 902493"/>
              <a:gd name="connsiteY13" fmla="*/ 9525 h 647700"/>
              <a:gd name="connsiteX14" fmla="*/ 709612 w 902493"/>
              <a:gd name="connsiteY14" fmla="*/ 0 h 647700"/>
              <a:gd name="connsiteX15" fmla="*/ 404812 w 902493"/>
              <a:gd name="connsiteY15" fmla="*/ 95250 h 647700"/>
              <a:gd name="connsiteX16" fmla="*/ 71436 w 902493"/>
              <a:gd name="connsiteY16" fmla="*/ 188118 h 647700"/>
              <a:gd name="connsiteX17" fmla="*/ 47624 w 902493"/>
              <a:gd name="connsiteY17" fmla="*/ 195262 h 647700"/>
              <a:gd name="connsiteX18" fmla="*/ 0 w 902493"/>
              <a:gd name="connsiteY18" fmla="*/ 245268 h 647700"/>
              <a:gd name="connsiteX0" fmla="*/ 0 w 902493"/>
              <a:gd name="connsiteY0" fmla="*/ 245268 h 647700"/>
              <a:gd name="connsiteX1" fmla="*/ 135730 w 902493"/>
              <a:gd name="connsiteY1" fmla="*/ 647700 h 647700"/>
              <a:gd name="connsiteX2" fmla="*/ 469105 w 902493"/>
              <a:gd name="connsiteY2" fmla="*/ 554831 h 647700"/>
              <a:gd name="connsiteX3" fmla="*/ 847724 w 902493"/>
              <a:gd name="connsiteY3" fmla="*/ 426244 h 647700"/>
              <a:gd name="connsiteX4" fmla="*/ 866774 w 902493"/>
              <a:gd name="connsiteY4" fmla="*/ 354806 h 647700"/>
              <a:gd name="connsiteX5" fmla="*/ 902493 w 902493"/>
              <a:gd name="connsiteY5" fmla="*/ 321469 h 647700"/>
              <a:gd name="connsiteX6" fmla="*/ 892968 w 902493"/>
              <a:gd name="connsiteY6" fmla="*/ 273844 h 647700"/>
              <a:gd name="connsiteX7" fmla="*/ 826293 w 902493"/>
              <a:gd name="connsiteY7" fmla="*/ 257175 h 647700"/>
              <a:gd name="connsiteX8" fmla="*/ 826293 w 902493"/>
              <a:gd name="connsiteY8" fmla="*/ 223837 h 647700"/>
              <a:gd name="connsiteX9" fmla="*/ 812005 w 902493"/>
              <a:gd name="connsiteY9" fmla="*/ 188119 h 647700"/>
              <a:gd name="connsiteX10" fmla="*/ 823912 w 902493"/>
              <a:gd name="connsiteY10" fmla="*/ 80962 h 647700"/>
              <a:gd name="connsiteX11" fmla="*/ 788193 w 902493"/>
              <a:gd name="connsiteY11" fmla="*/ 40481 h 647700"/>
              <a:gd name="connsiteX12" fmla="*/ 740568 w 902493"/>
              <a:gd name="connsiteY12" fmla="*/ 9525 h 647700"/>
              <a:gd name="connsiteX13" fmla="*/ 709612 w 902493"/>
              <a:gd name="connsiteY13" fmla="*/ 0 h 647700"/>
              <a:gd name="connsiteX14" fmla="*/ 404812 w 902493"/>
              <a:gd name="connsiteY14" fmla="*/ 95250 h 647700"/>
              <a:gd name="connsiteX15" fmla="*/ 71436 w 902493"/>
              <a:gd name="connsiteY15" fmla="*/ 188118 h 647700"/>
              <a:gd name="connsiteX16" fmla="*/ 47624 w 902493"/>
              <a:gd name="connsiteY16" fmla="*/ 195262 h 647700"/>
              <a:gd name="connsiteX17" fmla="*/ 0 w 902493"/>
              <a:gd name="connsiteY17" fmla="*/ 245268 h 647700"/>
              <a:gd name="connsiteX0" fmla="*/ 0 w 902493"/>
              <a:gd name="connsiteY0" fmla="*/ 245268 h 657225"/>
              <a:gd name="connsiteX1" fmla="*/ 128586 w 902493"/>
              <a:gd name="connsiteY1" fmla="*/ 657225 h 657225"/>
              <a:gd name="connsiteX2" fmla="*/ 469105 w 902493"/>
              <a:gd name="connsiteY2" fmla="*/ 554831 h 657225"/>
              <a:gd name="connsiteX3" fmla="*/ 847724 w 902493"/>
              <a:gd name="connsiteY3" fmla="*/ 426244 h 657225"/>
              <a:gd name="connsiteX4" fmla="*/ 866774 w 902493"/>
              <a:gd name="connsiteY4" fmla="*/ 354806 h 657225"/>
              <a:gd name="connsiteX5" fmla="*/ 902493 w 902493"/>
              <a:gd name="connsiteY5" fmla="*/ 321469 h 657225"/>
              <a:gd name="connsiteX6" fmla="*/ 892968 w 902493"/>
              <a:gd name="connsiteY6" fmla="*/ 273844 h 657225"/>
              <a:gd name="connsiteX7" fmla="*/ 826293 w 902493"/>
              <a:gd name="connsiteY7" fmla="*/ 257175 h 657225"/>
              <a:gd name="connsiteX8" fmla="*/ 826293 w 902493"/>
              <a:gd name="connsiteY8" fmla="*/ 223837 h 657225"/>
              <a:gd name="connsiteX9" fmla="*/ 812005 w 902493"/>
              <a:gd name="connsiteY9" fmla="*/ 188119 h 657225"/>
              <a:gd name="connsiteX10" fmla="*/ 823912 w 902493"/>
              <a:gd name="connsiteY10" fmla="*/ 80962 h 657225"/>
              <a:gd name="connsiteX11" fmla="*/ 788193 w 902493"/>
              <a:gd name="connsiteY11" fmla="*/ 40481 h 657225"/>
              <a:gd name="connsiteX12" fmla="*/ 740568 w 902493"/>
              <a:gd name="connsiteY12" fmla="*/ 9525 h 657225"/>
              <a:gd name="connsiteX13" fmla="*/ 709612 w 902493"/>
              <a:gd name="connsiteY13" fmla="*/ 0 h 657225"/>
              <a:gd name="connsiteX14" fmla="*/ 404812 w 902493"/>
              <a:gd name="connsiteY14" fmla="*/ 95250 h 657225"/>
              <a:gd name="connsiteX15" fmla="*/ 71436 w 902493"/>
              <a:gd name="connsiteY15" fmla="*/ 188118 h 657225"/>
              <a:gd name="connsiteX16" fmla="*/ 47624 w 902493"/>
              <a:gd name="connsiteY16" fmla="*/ 195262 h 657225"/>
              <a:gd name="connsiteX17" fmla="*/ 0 w 902493"/>
              <a:gd name="connsiteY17" fmla="*/ 245268 h 657225"/>
              <a:gd name="connsiteX0" fmla="*/ 0 w 902493"/>
              <a:gd name="connsiteY0" fmla="*/ 245268 h 657225"/>
              <a:gd name="connsiteX1" fmla="*/ 128586 w 902493"/>
              <a:gd name="connsiteY1" fmla="*/ 657225 h 657225"/>
              <a:gd name="connsiteX2" fmla="*/ 469105 w 902493"/>
              <a:gd name="connsiteY2" fmla="*/ 554831 h 657225"/>
              <a:gd name="connsiteX3" fmla="*/ 847724 w 902493"/>
              <a:gd name="connsiteY3" fmla="*/ 426244 h 657225"/>
              <a:gd name="connsiteX4" fmla="*/ 873918 w 902493"/>
              <a:gd name="connsiteY4" fmla="*/ 366712 h 657225"/>
              <a:gd name="connsiteX5" fmla="*/ 902493 w 902493"/>
              <a:gd name="connsiteY5" fmla="*/ 321469 h 657225"/>
              <a:gd name="connsiteX6" fmla="*/ 892968 w 902493"/>
              <a:gd name="connsiteY6" fmla="*/ 273844 h 657225"/>
              <a:gd name="connsiteX7" fmla="*/ 826293 w 902493"/>
              <a:gd name="connsiteY7" fmla="*/ 257175 h 657225"/>
              <a:gd name="connsiteX8" fmla="*/ 826293 w 902493"/>
              <a:gd name="connsiteY8" fmla="*/ 223837 h 657225"/>
              <a:gd name="connsiteX9" fmla="*/ 812005 w 902493"/>
              <a:gd name="connsiteY9" fmla="*/ 188119 h 657225"/>
              <a:gd name="connsiteX10" fmla="*/ 823912 w 902493"/>
              <a:gd name="connsiteY10" fmla="*/ 80962 h 657225"/>
              <a:gd name="connsiteX11" fmla="*/ 788193 w 902493"/>
              <a:gd name="connsiteY11" fmla="*/ 40481 h 657225"/>
              <a:gd name="connsiteX12" fmla="*/ 740568 w 902493"/>
              <a:gd name="connsiteY12" fmla="*/ 9525 h 657225"/>
              <a:gd name="connsiteX13" fmla="*/ 709612 w 902493"/>
              <a:gd name="connsiteY13" fmla="*/ 0 h 657225"/>
              <a:gd name="connsiteX14" fmla="*/ 404812 w 902493"/>
              <a:gd name="connsiteY14" fmla="*/ 95250 h 657225"/>
              <a:gd name="connsiteX15" fmla="*/ 71436 w 902493"/>
              <a:gd name="connsiteY15" fmla="*/ 188118 h 657225"/>
              <a:gd name="connsiteX16" fmla="*/ 47624 w 902493"/>
              <a:gd name="connsiteY16" fmla="*/ 195262 h 657225"/>
              <a:gd name="connsiteX17" fmla="*/ 0 w 902493"/>
              <a:gd name="connsiteY17" fmla="*/ 245268 h 6572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902493" h="657225">
                <a:moveTo>
                  <a:pt x="0" y="245268"/>
                </a:moveTo>
                <a:lnTo>
                  <a:pt x="128586" y="657225"/>
                </a:lnTo>
                <a:lnTo>
                  <a:pt x="469105" y="554831"/>
                </a:lnTo>
                <a:lnTo>
                  <a:pt x="847724" y="426244"/>
                </a:lnTo>
                <a:lnTo>
                  <a:pt x="873918" y="366712"/>
                </a:lnTo>
                <a:lnTo>
                  <a:pt x="902493" y="321469"/>
                </a:lnTo>
                <a:lnTo>
                  <a:pt x="892968" y="273844"/>
                </a:lnTo>
                <a:lnTo>
                  <a:pt x="826293" y="257175"/>
                </a:lnTo>
                <a:lnTo>
                  <a:pt x="826293" y="223837"/>
                </a:lnTo>
                <a:lnTo>
                  <a:pt x="812005" y="188119"/>
                </a:lnTo>
                <a:lnTo>
                  <a:pt x="823912" y="80962"/>
                </a:lnTo>
                <a:lnTo>
                  <a:pt x="788193" y="40481"/>
                </a:lnTo>
                <a:lnTo>
                  <a:pt x="740568" y="9525"/>
                </a:lnTo>
                <a:lnTo>
                  <a:pt x="709612" y="0"/>
                </a:lnTo>
                <a:lnTo>
                  <a:pt x="404812" y="95250"/>
                </a:lnTo>
                <a:lnTo>
                  <a:pt x="71436" y="188118"/>
                </a:lnTo>
                <a:lnTo>
                  <a:pt x="47624" y="195262"/>
                </a:lnTo>
                <a:lnTo>
                  <a:pt x="0" y="245268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sp>
        <p:nvSpPr>
          <p:cNvPr id="69" name="Freeform 68"/>
          <p:cNvSpPr/>
          <p:nvPr userDrawn="1"/>
        </p:nvSpPr>
        <p:spPr>
          <a:xfrm rot="171972">
            <a:off x="4503560" y="1621846"/>
            <a:ext cx="997744" cy="1057275"/>
          </a:xfrm>
          <a:custGeom>
            <a:avLst/>
            <a:gdLst>
              <a:gd name="connsiteX0" fmla="*/ 0 w 997744"/>
              <a:gd name="connsiteY0" fmla="*/ 11906 h 1057275"/>
              <a:gd name="connsiteX1" fmla="*/ 26194 w 997744"/>
              <a:gd name="connsiteY1" fmla="*/ 83343 h 1057275"/>
              <a:gd name="connsiteX2" fmla="*/ 26194 w 997744"/>
              <a:gd name="connsiteY2" fmla="*/ 200025 h 1057275"/>
              <a:gd name="connsiteX3" fmla="*/ 54769 w 997744"/>
              <a:gd name="connsiteY3" fmla="*/ 230981 h 1057275"/>
              <a:gd name="connsiteX4" fmla="*/ 92869 w 997744"/>
              <a:gd name="connsiteY4" fmla="*/ 316706 h 1057275"/>
              <a:gd name="connsiteX5" fmla="*/ 92869 w 997744"/>
              <a:gd name="connsiteY5" fmla="*/ 426243 h 1057275"/>
              <a:gd name="connsiteX6" fmla="*/ 126207 w 997744"/>
              <a:gd name="connsiteY6" fmla="*/ 538162 h 1057275"/>
              <a:gd name="connsiteX7" fmla="*/ 116682 w 997744"/>
              <a:gd name="connsiteY7" fmla="*/ 590550 h 1057275"/>
              <a:gd name="connsiteX8" fmla="*/ 126207 w 997744"/>
              <a:gd name="connsiteY8" fmla="*/ 602456 h 1057275"/>
              <a:gd name="connsiteX9" fmla="*/ 114300 w 997744"/>
              <a:gd name="connsiteY9" fmla="*/ 678656 h 1057275"/>
              <a:gd name="connsiteX10" fmla="*/ 161925 w 997744"/>
              <a:gd name="connsiteY10" fmla="*/ 709612 h 1057275"/>
              <a:gd name="connsiteX11" fmla="*/ 178594 w 997744"/>
              <a:gd name="connsiteY11" fmla="*/ 1057275 h 1057275"/>
              <a:gd name="connsiteX12" fmla="*/ 547688 w 997744"/>
              <a:gd name="connsiteY12" fmla="*/ 1026318 h 1057275"/>
              <a:gd name="connsiteX13" fmla="*/ 916782 w 997744"/>
              <a:gd name="connsiteY13" fmla="*/ 962025 h 1057275"/>
              <a:gd name="connsiteX14" fmla="*/ 890588 w 997744"/>
              <a:gd name="connsiteY14" fmla="*/ 897731 h 1057275"/>
              <a:gd name="connsiteX15" fmla="*/ 869157 w 997744"/>
              <a:gd name="connsiteY15" fmla="*/ 907256 h 1057275"/>
              <a:gd name="connsiteX16" fmla="*/ 838200 w 997744"/>
              <a:gd name="connsiteY16" fmla="*/ 871537 h 1057275"/>
              <a:gd name="connsiteX17" fmla="*/ 804863 w 997744"/>
              <a:gd name="connsiteY17" fmla="*/ 871537 h 1057275"/>
              <a:gd name="connsiteX18" fmla="*/ 766763 w 997744"/>
              <a:gd name="connsiteY18" fmla="*/ 814387 h 1057275"/>
              <a:gd name="connsiteX19" fmla="*/ 709613 w 997744"/>
              <a:gd name="connsiteY19" fmla="*/ 792956 h 1057275"/>
              <a:gd name="connsiteX20" fmla="*/ 673894 w 997744"/>
              <a:gd name="connsiteY20" fmla="*/ 783431 h 1057275"/>
              <a:gd name="connsiteX21" fmla="*/ 673894 w 997744"/>
              <a:gd name="connsiteY21" fmla="*/ 783431 h 1057275"/>
              <a:gd name="connsiteX22" fmla="*/ 645319 w 997744"/>
              <a:gd name="connsiteY22" fmla="*/ 716756 h 1057275"/>
              <a:gd name="connsiteX23" fmla="*/ 666750 w 997744"/>
              <a:gd name="connsiteY23" fmla="*/ 669131 h 1057275"/>
              <a:gd name="connsiteX24" fmla="*/ 623888 w 997744"/>
              <a:gd name="connsiteY24" fmla="*/ 588168 h 1057275"/>
              <a:gd name="connsiteX25" fmla="*/ 683419 w 997744"/>
              <a:gd name="connsiteY25" fmla="*/ 519112 h 1057275"/>
              <a:gd name="connsiteX26" fmla="*/ 681038 w 997744"/>
              <a:gd name="connsiteY26" fmla="*/ 435768 h 1057275"/>
              <a:gd name="connsiteX27" fmla="*/ 704850 w 997744"/>
              <a:gd name="connsiteY27" fmla="*/ 371475 h 1057275"/>
              <a:gd name="connsiteX28" fmla="*/ 731044 w 997744"/>
              <a:gd name="connsiteY28" fmla="*/ 345281 h 1057275"/>
              <a:gd name="connsiteX29" fmla="*/ 788194 w 997744"/>
              <a:gd name="connsiteY29" fmla="*/ 292893 h 1057275"/>
              <a:gd name="connsiteX30" fmla="*/ 819150 w 997744"/>
              <a:gd name="connsiteY30" fmla="*/ 238125 h 1057275"/>
              <a:gd name="connsiteX31" fmla="*/ 912019 w 997744"/>
              <a:gd name="connsiteY31" fmla="*/ 171450 h 1057275"/>
              <a:gd name="connsiteX32" fmla="*/ 997744 w 997744"/>
              <a:gd name="connsiteY32" fmla="*/ 107156 h 1057275"/>
              <a:gd name="connsiteX33" fmla="*/ 945357 w 997744"/>
              <a:gd name="connsiteY33" fmla="*/ 97631 h 1057275"/>
              <a:gd name="connsiteX34" fmla="*/ 869157 w 997744"/>
              <a:gd name="connsiteY34" fmla="*/ 107156 h 1057275"/>
              <a:gd name="connsiteX35" fmla="*/ 823913 w 997744"/>
              <a:gd name="connsiteY35" fmla="*/ 104775 h 1057275"/>
              <a:gd name="connsiteX36" fmla="*/ 807244 w 997744"/>
              <a:gd name="connsiteY36" fmla="*/ 92868 h 1057275"/>
              <a:gd name="connsiteX37" fmla="*/ 766763 w 997744"/>
              <a:gd name="connsiteY37" fmla="*/ 111918 h 1057275"/>
              <a:gd name="connsiteX38" fmla="*/ 738188 w 997744"/>
              <a:gd name="connsiteY38" fmla="*/ 104775 h 1057275"/>
              <a:gd name="connsiteX39" fmla="*/ 700088 w 997744"/>
              <a:gd name="connsiteY39" fmla="*/ 88106 h 1057275"/>
              <a:gd name="connsiteX40" fmla="*/ 676275 w 997744"/>
              <a:gd name="connsiteY40" fmla="*/ 71437 h 1057275"/>
              <a:gd name="connsiteX41" fmla="*/ 638175 w 997744"/>
              <a:gd name="connsiteY41" fmla="*/ 78581 h 1057275"/>
              <a:gd name="connsiteX42" fmla="*/ 588169 w 997744"/>
              <a:gd name="connsiteY42" fmla="*/ 50006 h 1057275"/>
              <a:gd name="connsiteX43" fmla="*/ 561975 w 997744"/>
              <a:gd name="connsiteY43" fmla="*/ 52387 h 1057275"/>
              <a:gd name="connsiteX44" fmla="*/ 504825 w 997744"/>
              <a:gd name="connsiteY44" fmla="*/ 57150 h 1057275"/>
              <a:gd name="connsiteX45" fmla="*/ 459582 w 997744"/>
              <a:gd name="connsiteY45" fmla="*/ 57150 h 1057275"/>
              <a:gd name="connsiteX46" fmla="*/ 438150 w 997744"/>
              <a:gd name="connsiteY46" fmla="*/ 42862 h 1057275"/>
              <a:gd name="connsiteX47" fmla="*/ 381000 w 997744"/>
              <a:gd name="connsiteY47" fmla="*/ 33337 h 1057275"/>
              <a:gd name="connsiteX48" fmla="*/ 328613 w 997744"/>
              <a:gd name="connsiteY48" fmla="*/ 16668 h 1057275"/>
              <a:gd name="connsiteX49" fmla="*/ 295275 w 997744"/>
              <a:gd name="connsiteY49" fmla="*/ 16668 h 1057275"/>
              <a:gd name="connsiteX50" fmla="*/ 264319 w 997744"/>
              <a:gd name="connsiteY50" fmla="*/ 16668 h 1057275"/>
              <a:gd name="connsiteX51" fmla="*/ 238125 w 997744"/>
              <a:gd name="connsiteY51" fmla="*/ 9525 h 1057275"/>
              <a:gd name="connsiteX52" fmla="*/ 230982 w 997744"/>
              <a:gd name="connsiteY52" fmla="*/ 0 h 1057275"/>
              <a:gd name="connsiteX53" fmla="*/ 147638 w 997744"/>
              <a:gd name="connsiteY53" fmla="*/ 9525 h 1057275"/>
              <a:gd name="connsiteX54" fmla="*/ 83344 w 997744"/>
              <a:gd name="connsiteY54" fmla="*/ 7143 h 1057275"/>
              <a:gd name="connsiteX55" fmla="*/ 0 w 997744"/>
              <a:gd name="connsiteY55" fmla="*/ 11906 h 10572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</a:cxnLst>
            <a:rect l="l" t="t" r="r" b="b"/>
            <a:pathLst>
              <a:path w="997744" h="1057275">
                <a:moveTo>
                  <a:pt x="0" y="11906"/>
                </a:moveTo>
                <a:lnTo>
                  <a:pt x="26194" y="83343"/>
                </a:lnTo>
                <a:lnTo>
                  <a:pt x="26194" y="200025"/>
                </a:lnTo>
                <a:lnTo>
                  <a:pt x="54769" y="230981"/>
                </a:lnTo>
                <a:lnTo>
                  <a:pt x="92869" y="316706"/>
                </a:lnTo>
                <a:lnTo>
                  <a:pt x="92869" y="426243"/>
                </a:lnTo>
                <a:lnTo>
                  <a:pt x="126207" y="538162"/>
                </a:lnTo>
                <a:lnTo>
                  <a:pt x="116682" y="590550"/>
                </a:lnTo>
                <a:lnTo>
                  <a:pt x="126207" y="602456"/>
                </a:lnTo>
                <a:lnTo>
                  <a:pt x="114300" y="678656"/>
                </a:lnTo>
                <a:lnTo>
                  <a:pt x="161925" y="709612"/>
                </a:lnTo>
                <a:lnTo>
                  <a:pt x="178594" y="1057275"/>
                </a:lnTo>
                <a:lnTo>
                  <a:pt x="547688" y="1026318"/>
                </a:lnTo>
                <a:lnTo>
                  <a:pt x="916782" y="962025"/>
                </a:lnTo>
                <a:lnTo>
                  <a:pt x="890588" y="897731"/>
                </a:lnTo>
                <a:lnTo>
                  <a:pt x="869157" y="907256"/>
                </a:lnTo>
                <a:lnTo>
                  <a:pt x="838200" y="871537"/>
                </a:lnTo>
                <a:lnTo>
                  <a:pt x="804863" y="871537"/>
                </a:lnTo>
                <a:lnTo>
                  <a:pt x="766763" y="814387"/>
                </a:lnTo>
                <a:lnTo>
                  <a:pt x="709613" y="792956"/>
                </a:lnTo>
                <a:lnTo>
                  <a:pt x="673894" y="783431"/>
                </a:lnTo>
                <a:lnTo>
                  <a:pt x="673894" y="783431"/>
                </a:lnTo>
                <a:lnTo>
                  <a:pt x="645319" y="716756"/>
                </a:lnTo>
                <a:lnTo>
                  <a:pt x="666750" y="669131"/>
                </a:lnTo>
                <a:lnTo>
                  <a:pt x="623888" y="588168"/>
                </a:lnTo>
                <a:lnTo>
                  <a:pt x="683419" y="519112"/>
                </a:lnTo>
                <a:cubicBezTo>
                  <a:pt x="682625" y="491331"/>
                  <a:pt x="681832" y="463549"/>
                  <a:pt x="681038" y="435768"/>
                </a:cubicBezTo>
                <a:lnTo>
                  <a:pt x="704850" y="371475"/>
                </a:lnTo>
                <a:lnTo>
                  <a:pt x="731044" y="345281"/>
                </a:lnTo>
                <a:lnTo>
                  <a:pt x="788194" y="292893"/>
                </a:lnTo>
                <a:lnTo>
                  <a:pt x="819150" y="238125"/>
                </a:lnTo>
                <a:lnTo>
                  <a:pt x="912019" y="171450"/>
                </a:lnTo>
                <a:lnTo>
                  <a:pt x="997744" y="107156"/>
                </a:lnTo>
                <a:lnTo>
                  <a:pt x="945357" y="97631"/>
                </a:lnTo>
                <a:lnTo>
                  <a:pt x="869157" y="107156"/>
                </a:lnTo>
                <a:lnTo>
                  <a:pt x="823913" y="104775"/>
                </a:lnTo>
                <a:lnTo>
                  <a:pt x="807244" y="92868"/>
                </a:lnTo>
                <a:lnTo>
                  <a:pt x="766763" y="111918"/>
                </a:lnTo>
                <a:lnTo>
                  <a:pt x="738188" y="104775"/>
                </a:lnTo>
                <a:lnTo>
                  <a:pt x="700088" y="88106"/>
                </a:lnTo>
                <a:lnTo>
                  <a:pt x="676275" y="71437"/>
                </a:lnTo>
                <a:lnTo>
                  <a:pt x="638175" y="78581"/>
                </a:lnTo>
                <a:lnTo>
                  <a:pt x="588169" y="50006"/>
                </a:lnTo>
                <a:lnTo>
                  <a:pt x="561975" y="52387"/>
                </a:lnTo>
                <a:lnTo>
                  <a:pt x="504825" y="57150"/>
                </a:lnTo>
                <a:lnTo>
                  <a:pt x="459582" y="57150"/>
                </a:lnTo>
                <a:lnTo>
                  <a:pt x="438150" y="42862"/>
                </a:lnTo>
                <a:lnTo>
                  <a:pt x="381000" y="33337"/>
                </a:lnTo>
                <a:lnTo>
                  <a:pt x="328613" y="16668"/>
                </a:lnTo>
                <a:lnTo>
                  <a:pt x="295275" y="16668"/>
                </a:lnTo>
                <a:lnTo>
                  <a:pt x="264319" y="16668"/>
                </a:lnTo>
                <a:lnTo>
                  <a:pt x="238125" y="9525"/>
                </a:lnTo>
                <a:lnTo>
                  <a:pt x="230982" y="0"/>
                </a:lnTo>
                <a:lnTo>
                  <a:pt x="147638" y="9525"/>
                </a:lnTo>
                <a:lnTo>
                  <a:pt x="83344" y="7143"/>
                </a:lnTo>
                <a:lnTo>
                  <a:pt x="0" y="11906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rgbClr val="FFFFFF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grpSp>
        <p:nvGrpSpPr>
          <p:cNvPr id="70" name="Group 118"/>
          <p:cNvGrpSpPr/>
          <p:nvPr userDrawn="1"/>
        </p:nvGrpSpPr>
        <p:grpSpPr>
          <a:xfrm rot="171972">
            <a:off x="5457187" y="1838545"/>
            <a:ext cx="1176338" cy="1012031"/>
            <a:chOff x="5355431" y="1331119"/>
            <a:chExt cx="1176338" cy="1012031"/>
          </a:xfrm>
          <a:solidFill>
            <a:srgbClr val="A7A53D"/>
          </a:solidFill>
        </p:grpSpPr>
        <p:sp>
          <p:nvSpPr>
            <p:cNvPr id="71" name="Freeform 70"/>
            <p:cNvSpPr/>
            <p:nvPr/>
          </p:nvSpPr>
          <p:spPr>
            <a:xfrm>
              <a:off x="5355431" y="1331119"/>
              <a:ext cx="833438" cy="397669"/>
            </a:xfrm>
            <a:custGeom>
              <a:avLst/>
              <a:gdLst>
                <a:gd name="connsiteX0" fmla="*/ 0 w 833438"/>
                <a:gd name="connsiteY0" fmla="*/ 223837 h 397669"/>
                <a:gd name="connsiteX1" fmla="*/ 90488 w 833438"/>
                <a:gd name="connsiteY1" fmla="*/ 276225 h 397669"/>
                <a:gd name="connsiteX2" fmla="*/ 154782 w 833438"/>
                <a:gd name="connsiteY2" fmla="*/ 271462 h 397669"/>
                <a:gd name="connsiteX3" fmla="*/ 290513 w 833438"/>
                <a:gd name="connsiteY3" fmla="*/ 292894 h 397669"/>
                <a:gd name="connsiteX4" fmla="*/ 309563 w 833438"/>
                <a:gd name="connsiteY4" fmla="*/ 288131 h 397669"/>
                <a:gd name="connsiteX5" fmla="*/ 335757 w 833438"/>
                <a:gd name="connsiteY5" fmla="*/ 328612 h 397669"/>
                <a:gd name="connsiteX6" fmla="*/ 369094 w 833438"/>
                <a:gd name="connsiteY6" fmla="*/ 321469 h 397669"/>
                <a:gd name="connsiteX7" fmla="*/ 352425 w 833438"/>
                <a:gd name="connsiteY7" fmla="*/ 354806 h 397669"/>
                <a:gd name="connsiteX8" fmla="*/ 381000 w 833438"/>
                <a:gd name="connsiteY8" fmla="*/ 397669 h 397669"/>
                <a:gd name="connsiteX9" fmla="*/ 402432 w 833438"/>
                <a:gd name="connsiteY9" fmla="*/ 376237 h 397669"/>
                <a:gd name="connsiteX10" fmla="*/ 423863 w 833438"/>
                <a:gd name="connsiteY10" fmla="*/ 342900 h 397669"/>
                <a:gd name="connsiteX11" fmla="*/ 447675 w 833438"/>
                <a:gd name="connsiteY11" fmla="*/ 304800 h 397669"/>
                <a:gd name="connsiteX12" fmla="*/ 452438 w 833438"/>
                <a:gd name="connsiteY12" fmla="*/ 273844 h 397669"/>
                <a:gd name="connsiteX13" fmla="*/ 452438 w 833438"/>
                <a:gd name="connsiteY13" fmla="*/ 273844 h 397669"/>
                <a:gd name="connsiteX14" fmla="*/ 469107 w 833438"/>
                <a:gd name="connsiteY14" fmla="*/ 278606 h 397669"/>
                <a:gd name="connsiteX15" fmla="*/ 471488 w 833438"/>
                <a:gd name="connsiteY15" fmla="*/ 290512 h 397669"/>
                <a:gd name="connsiteX16" fmla="*/ 476250 w 833438"/>
                <a:gd name="connsiteY16" fmla="*/ 297656 h 397669"/>
                <a:gd name="connsiteX17" fmla="*/ 490538 w 833438"/>
                <a:gd name="connsiteY17" fmla="*/ 269081 h 397669"/>
                <a:gd name="connsiteX18" fmla="*/ 514350 w 833438"/>
                <a:gd name="connsiteY18" fmla="*/ 264319 h 397669"/>
                <a:gd name="connsiteX19" fmla="*/ 507207 w 833438"/>
                <a:gd name="connsiteY19" fmla="*/ 280987 h 397669"/>
                <a:gd name="connsiteX20" fmla="*/ 502444 w 833438"/>
                <a:gd name="connsiteY20" fmla="*/ 297656 h 397669"/>
                <a:gd name="connsiteX21" fmla="*/ 514350 w 833438"/>
                <a:gd name="connsiteY21" fmla="*/ 307181 h 397669"/>
                <a:gd name="connsiteX22" fmla="*/ 547688 w 833438"/>
                <a:gd name="connsiteY22" fmla="*/ 264319 h 397669"/>
                <a:gd name="connsiteX23" fmla="*/ 554832 w 833438"/>
                <a:gd name="connsiteY23" fmla="*/ 245269 h 397669"/>
                <a:gd name="connsiteX24" fmla="*/ 566738 w 833438"/>
                <a:gd name="connsiteY24" fmla="*/ 238125 h 397669"/>
                <a:gd name="connsiteX25" fmla="*/ 592932 w 833438"/>
                <a:gd name="connsiteY25" fmla="*/ 230981 h 397669"/>
                <a:gd name="connsiteX26" fmla="*/ 626269 w 833438"/>
                <a:gd name="connsiteY26" fmla="*/ 192881 h 397669"/>
                <a:gd name="connsiteX27" fmla="*/ 671513 w 833438"/>
                <a:gd name="connsiteY27" fmla="*/ 183356 h 397669"/>
                <a:gd name="connsiteX28" fmla="*/ 716757 w 833438"/>
                <a:gd name="connsiteY28" fmla="*/ 185737 h 397669"/>
                <a:gd name="connsiteX29" fmla="*/ 738188 w 833438"/>
                <a:gd name="connsiteY29" fmla="*/ 204787 h 397669"/>
                <a:gd name="connsiteX30" fmla="*/ 762000 w 833438"/>
                <a:gd name="connsiteY30" fmla="*/ 204787 h 397669"/>
                <a:gd name="connsiteX31" fmla="*/ 762000 w 833438"/>
                <a:gd name="connsiteY31" fmla="*/ 176212 h 397669"/>
                <a:gd name="connsiteX32" fmla="*/ 781050 w 833438"/>
                <a:gd name="connsiteY32" fmla="*/ 169069 h 397669"/>
                <a:gd name="connsiteX33" fmla="*/ 823913 w 833438"/>
                <a:gd name="connsiteY33" fmla="*/ 183356 h 397669"/>
                <a:gd name="connsiteX34" fmla="*/ 833438 w 833438"/>
                <a:gd name="connsiteY34" fmla="*/ 161925 h 397669"/>
                <a:gd name="connsiteX35" fmla="*/ 828675 w 833438"/>
                <a:gd name="connsiteY35" fmla="*/ 138112 h 397669"/>
                <a:gd name="connsiteX36" fmla="*/ 807244 w 833438"/>
                <a:gd name="connsiteY36" fmla="*/ 138112 h 397669"/>
                <a:gd name="connsiteX37" fmla="*/ 802482 w 833438"/>
                <a:gd name="connsiteY37" fmla="*/ 130969 h 397669"/>
                <a:gd name="connsiteX38" fmla="*/ 795338 w 833438"/>
                <a:gd name="connsiteY38" fmla="*/ 109537 h 397669"/>
                <a:gd name="connsiteX39" fmla="*/ 764382 w 833438"/>
                <a:gd name="connsiteY39" fmla="*/ 102394 h 397669"/>
                <a:gd name="connsiteX40" fmla="*/ 745332 w 833438"/>
                <a:gd name="connsiteY40" fmla="*/ 119062 h 397669"/>
                <a:gd name="connsiteX41" fmla="*/ 723900 w 833438"/>
                <a:gd name="connsiteY41" fmla="*/ 126206 h 397669"/>
                <a:gd name="connsiteX42" fmla="*/ 695325 w 833438"/>
                <a:gd name="connsiteY42" fmla="*/ 128587 h 397669"/>
                <a:gd name="connsiteX43" fmla="*/ 666750 w 833438"/>
                <a:gd name="connsiteY43" fmla="*/ 116681 h 397669"/>
                <a:gd name="connsiteX44" fmla="*/ 681038 w 833438"/>
                <a:gd name="connsiteY44" fmla="*/ 80962 h 397669"/>
                <a:gd name="connsiteX45" fmla="*/ 683419 w 833438"/>
                <a:gd name="connsiteY45" fmla="*/ 59531 h 397669"/>
                <a:gd name="connsiteX46" fmla="*/ 671513 w 833438"/>
                <a:gd name="connsiteY46" fmla="*/ 57150 h 397669"/>
                <a:gd name="connsiteX47" fmla="*/ 647700 w 833438"/>
                <a:gd name="connsiteY47" fmla="*/ 69056 h 397669"/>
                <a:gd name="connsiteX48" fmla="*/ 628650 w 833438"/>
                <a:gd name="connsiteY48" fmla="*/ 95250 h 397669"/>
                <a:gd name="connsiteX49" fmla="*/ 581025 w 833438"/>
                <a:gd name="connsiteY49" fmla="*/ 102394 h 397669"/>
                <a:gd name="connsiteX50" fmla="*/ 533400 w 833438"/>
                <a:gd name="connsiteY50" fmla="*/ 119062 h 397669"/>
                <a:gd name="connsiteX51" fmla="*/ 502444 w 833438"/>
                <a:gd name="connsiteY51" fmla="*/ 140494 h 397669"/>
                <a:gd name="connsiteX52" fmla="*/ 492919 w 833438"/>
                <a:gd name="connsiteY52" fmla="*/ 164306 h 397669"/>
                <a:gd name="connsiteX53" fmla="*/ 478632 w 833438"/>
                <a:gd name="connsiteY53" fmla="*/ 166687 h 397669"/>
                <a:gd name="connsiteX54" fmla="*/ 442913 w 833438"/>
                <a:gd name="connsiteY54" fmla="*/ 159544 h 397669"/>
                <a:gd name="connsiteX55" fmla="*/ 388144 w 833438"/>
                <a:gd name="connsiteY55" fmla="*/ 159544 h 397669"/>
                <a:gd name="connsiteX56" fmla="*/ 350044 w 833438"/>
                <a:gd name="connsiteY56" fmla="*/ 119062 h 397669"/>
                <a:gd name="connsiteX57" fmla="*/ 326232 w 833438"/>
                <a:gd name="connsiteY57" fmla="*/ 111919 h 397669"/>
                <a:gd name="connsiteX58" fmla="*/ 288132 w 833438"/>
                <a:gd name="connsiteY58" fmla="*/ 114300 h 397669"/>
                <a:gd name="connsiteX59" fmla="*/ 259557 w 833438"/>
                <a:gd name="connsiteY59" fmla="*/ 116681 h 397669"/>
                <a:gd name="connsiteX60" fmla="*/ 250032 w 833438"/>
                <a:gd name="connsiteY60" fmla="*/ 128587 h 397669"/>
                <a:gd name="connsiteX61" fmla="*/ 238125 w 833438"/>
                <a:gd name="connsiteY61" fmla="*/ 121444 h 397669"/>
                <a:gd name="connsiteX62" fmla="*/ 235744 w 833438"/>
                <a:gd name="connsiteY62" fmla="*/ 76200 h 397669"/>
                <a:gd name="connsiteX63" fmla="*/ 252413 w 833438"/>
                <a:gd name="connsiteY63" fmla="*/ 47625 h 397669"/>
                <a:gd name="connsiteX64" fmla="*/ 285750 w 833438"/>
                <a:gd name="connsiteY64" fmla="*/ 40481 h 397669"/>
                <a:gd name="connsiteX65" fmla="*/ 280988 w 833438"/>
                <a:gd name="connsiteY65" fmla="*/ 21431 h 397669"/>
                <a:gd name="connsiteX66" fmla="*/ 304800 w 833438"/>
                <a:gd name="connsiteY66" fmla="*/ 2381 h 397669"/>
                <a:gd name="connsiteX67" fmla="*/ 273844 w 833438"/>
                <a:gd name="connsiteY67" fmla="*/ 0 h 397669"/>
                <a:gd name="connsiteX68" fmla="*/ 254794 w 833438"/>
                <a:gd name="connsiteY68" fmla="*/ 21431 h 397669"/>
                <a:gd name="connsiteX69" fmla="*/ 207169 w 833438"/>
                <a:gd name="connsiteY69" fmla="*/ 26194 h 397669"/>
                <a:gd name="connsiteX70" fmla="*/ 176213 w 833438"/>
                <a:gd name="connsiteY70" fmla="*/ 54769 h 397669"/>
                <a:gd name="connsiteX71" fmla="*/ 166688 w 833438"/>
                <a:gd name="connsiteY71" fmla="*/ 88106 h 397669"/>
                <a:gd name="connsiteX72" fmla="*/ 147638 w 833438"/>
                <a:gd name="connsiteY72" fmla="*/ 109537 h 397669"/>
                <a:gd name="connsiteX73" fmla="*/ 121444 w 833438"/>
                <a:gd name="connsiteY73" fmla="*/ 116681 h 397669"/>
                <a:gd name="connsiteX74" fmla="*/ 71438 w 833438"/>
                <a:gd name="connsiteY74" fmla="*/ 159544 h 397669"/>
                <a:gd name="connsiteX75" fmla="*/ 47625 w 833438"/>
                <a:gd name="connsiteY75" fmla="*/ 161925 h 397669"/>
                <a:gd name="connsiteX76" fmla="*/ 0 w 833438"/>
                <a:gd name="connsiteY76" fmla="*/ 223837 h 3976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</a:cxnLst>
              <a:rect l="l" t="t" r="r" b="b"/>
              <a:pathLst>
                <a:path w="833438" h="397669">
                  <a:moveTo>
                    <a:pt x="0" y="223837"/>
                  </a:moveTo>
                  <a:lnTo>
                    <a:pt x="90488" y="276225"/>
                  </a:lnTo>
                  <a:lnTo>
                    <a:pt x="154782" y="271462"/>
                  </a:lnTo>
                  <a:lnTo>
                    <a:pt x="290513" y="292894"/>
                  </a:lnTo>
                  <a:lnTo>
                    <a:pt x="309563" y="288131"/>
                  </a:lnTo>
                  <a:lnTo>
                    <a:pt x="335757" y="328612"/>
                  </a:lnTo>
                  <a:lnTo>
                    <a:pt x="369094" y="321469"/>
                  </a:lnTo>
                  <a:lnTo>
                    <a:pt x="352425" y="354806"/>
                  </a:lnTo>
                  <a:lnTo>
                    <a:pt x="381000" y="397669"/>
                  </a:lnTo>
                  <a:lnTo>
                    <a:pt x="402432" y="376237"/>
                  </a:lnTo>
                  <a:lnTo>
                    <a:pt x="423863" y="342900"/>
                  </a:lnTo>
                  <a:lnTo>
                    <a:pt x="447675" y="304800"/>
                  </a:lnTo>
                  <a:lnTo>
                    <a:pt x="452438" y="273844"/>
                  </a:lnTo>
                  <a:lnTo>
                    <a:pt x="452438" y="273844"/>
                  </a:lnTo>
                  <a:lnTo>
                    <a:pt x="469107" y="278606"/>
                  </a:lnTo>
                  <a:lnTo>
                    <a:pt x="471488" y="290512"/>
                  </a:lnTo>
                  <a:lnTo>
                    <a:pt x="476250" y="297656"/>
                  </a:lnTo>
                  <a:lnTo>
                    <a:pt x="490538" y="269081"/>
                  </a:lnTo>
                  <a:lnTo>
                    <a:pt x="514350" y="264319"/>
                  </a:lnTo>
                  <a:lnTo>
                    <a:pt x="507207" y="280987"/>
                  </a:lnTo>
                  <a:lnTo>
                    <a:pt x="502444" y="297656"/>
                  </a:lnTo>
                  <a:lnTo>
                    <a:pt x="514350" y="307181"/>
                  </a:lnTo>
                  <a:lnTo>
                    <a:pt x="547688" y="264319"/>
                  </a:lnTo>
                  <a:lnTo>
                    <a:pt x="554832" y="245269"/>
                  </a:lnTo>
                  <a:lnTo>
                    <a:pt x="566738" y="238125"/>
                  </a:lnTo>
                  <a:lnTo>
                    <a:pt x="592932" y="230981"/>
                  </a:lnTo>
                  <a:lnTo>
                    <a:pt x="626269" y="192881"/>
                  </a:lnTo>
                  <a:lnTo>
                    <a:pt x="671513" y="183356"/>
                  </a:lnTo>
                  <a:lnTo>
                    <a:pt x="716757" y="185737"/>
                  </a:lnTo>
                  <a:lnTo>
                    <a:pt x="738188" y="204787"/>
                  </a:lnTo>
                  <a:lnTo>
                    <a:pt x="762000" y="204787"/>
                  </a:lnTo>
                  <a:lnTo>
                    <a:pt x="762000" y="176212"/>
                  </a:lnTo>
                  <a:lnTo>
                    <a:pt x="781050" y="169069"/>
                  </a:lnTo>
                  <a:lnTo>
                    <a:pt x="823913" y="183356"/>
                  </a:lnTo>
                  <a:lnTo>
                    <a:pt x="833438" y="161925"/>
                  </a:lnTo>
                  <a:lnTo>
                    <a:pt x="828675" y="138112"/>
                  </a:lnTo>
                  <a:lnTo>
                    <a:pt x="807244" y="138112"/>
                  </a:lnTo>
                  <a:lnTo>
                    <a:pt x="802482" y="130969"/>
                  </a:lnTo>
                  <a:lnTo>
                    <a:pt x="795338" y="109537"/>
                  </a:lnTo>
                  <a:lnTo>
                    <a:pt x="764382" y="102394"/>
                  </a:lnTo>
                  <a:lnTo>
                    <a:pt x="745332" y="119062"/>
                  </a:lnTo>
                  <a:lnTo>
                    <a:pt x="723900" y="126206"/>
                  </a:lnTo>
                  <a:lnTo>
                    <a:pt x="695325" y="128587"/>
                  </a:lnTo>
                  <a:lnTo>
                    <a:pt x="666750" y="116681"/>
                  </a:lnTo>
                  <a:lnTo>
                    <a:pt x="681038" y="80962"/>
                  </a:lnTo>
                  <a:lnTo>
                    <a:pt x="683419" y="59531"/>
                  </a:lnTo>
                  <a:lnTo>
                    <a:pt x="671513" y="57150"/>
                  </a:lnTo>
                  <a:lnTo>
                    <a:pt x="647700" y="69056"/>
                  </a:lnTo>
                  <a:lnTo>
                    <a:pt x="628650" y="95250"/>
                  </a:lnTo>
                  <a:lnTo>
                    <a:pt x="581025" y="102394"/>
                  </a:lnTo>
                  <a:lnTo>
                    <a:pt x="533400" y="119062"/>
                  </a:lnTo>
                  <a:lnTo>
                    <a:pt x="502444" y="140494"/>
                  </a:lnTo>
                  <a:lnTo>
                    <a:pt x="492919" y="164306"/>
                  </a:lnTo>
                  <a:lnTo>
                    <a:pt x="478632" y="166687"/>
                  </a:lnTo>
                  <a:lnTo>
                    <a:pt x="442913" y="159544"/>
                  </a:lnTo>
                  <a:lnTo>
                    <a:pt x="388144" y="159544"/>
                  </a:lnTo>
                  <a:lnTo>
                    <a:pt x="350044" y="119062"/>
                  </a:lnTo>
                  <a:lnTo>
                    <a:pt x="326232" y="111919"/>
                  </a:lnTo>
                  <a:lnTo>
                    <a:pt x="288132" y="114300"/>
                  </a:lnTo>
                  <a:lnTo>
                    <a:pt x="259557" y="116681"/>
                  </a:lnTo>
                  <a:lnTo>
                    <a:pt x="250032" y="128587"/>
                  </a:lnTo>
                  <a:lnTo>
                    <a:pt x="238125" y="121444"/>
                  </a:lnTo>
                  <a:lnTo>
                    <a:pt x="235744" y="76200"/>
                  </a:lnTo>
                  <a:lnTo>
                    <a:pt x="252413" y="47625"/>
                  </a:lnTo>
                  <a:lnTo>
                    <a:pt x="285750" y="40481"/>
                  </a:lnTo>
                  <a:lnTo>
                    <a:pt x="280988" y="21431"/>
                  </a:lnTo>
                  <a:lnTo>
                    <a:pt x="304800" y="2381"/>
                  </a:lnTo>
                  <a:lnTo>
                    <a:pt x="273844" y="0"/>
                  </a:lnTo>
                  <a:lnTo>
                    <a:pt x="254794" y="21431"/>
                  </a:lnTo>
                  <a:lnTo>
                    <a:pt x="207169" y="26194"/>
                  </a:lnTo>
                  <a:lnTo>
                    <a:pt x="176213" y="54769"/>
                  </a:lnTo>
                  <a:lnTo>
                    <a:pt x="166688" y="88106"/>
                  </a:lnTo>
                  <a:lnTo>
                    <a:pt x="147638" y="109537"/>
                  </a:lnTo>
                  <a:lnTo>
                    <a:pt x="121444" y="116681"/>
                  </a:lnTo>
                  <a:lnTo>
                    <a:pt x="71438" y="159544"/>
                  </a:lnTo>
                  <a:lnTo>
                    <a:pt x="47625" y="161925"/>
                  </a:lnTo>
                  <a:lnTo>
                    <a:pt x="0" y="223837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72" name="Freeform 71"/>
            <p:cNvSpPr/>
            <p:nvPr/>
          </p:nvSpPr>
          <p:spPr>
            <a:xfrm>
              <a:off x="5938838" y="1557338"/>
              <a:ext cx="592931" cy="785812"/>
            </a:xfrm>
            <a:custGeom>
              <a:avLst/>
              <a:gdLst>
                <a:gd name="connsiteX0" fmla="*/ 78581 w 592931"/>
                <a:gd name="connsiteY0" fmla="*/ 130968 h 785812"/>
                <a:gd name="connsiteX1" fmla="*/ 30956 w 592931"/>
                <a:gd name="connsiteY1" fmla="*/ 190500 h 785812"/>
                <a:gd name="connsiteX2" fmla="*/ 21431 w 592931"/>
                <a:gd name="connsiteY2" fmla="*/ 219075 h 785812"/>
                <a:gd name="connsiteX3" fmla="*/ 9525 w 592931"/>
                <a:gd name="connsiteY3" fmla="*/ 261937 h 785812"/>
                <a:gd name="connsiteX4" fmla="*/ 16668 w 592931"/>
                <a:gd name="connsiteY4" fmla="*/ 292893 h 785812"/>
                <a:gd name="connsiteX5" fmla="*/ 0 w 592931"/>
                <a:gd name="connsiteY5" fmla="*/ 342900 h 785812"/>
                <a:gd name="connsiteX6" fmla="*/ 0 w 592931"/>
                <a:gd name="connsiteY6" fmla="*/ 359568 h 785812"/>
                <a:gd name="connsiteX7" fmla="*/ 16668 w 592931"/>
                <a:gd name="connsiteY7" fmla="*/ 390525 h 785812"/>
                <a:gd name="connsiteX8" fmla="*/ 7143 w 592931"/>
                <a:gd name="connsiteY8" fmla="*/ 431006 h 785812"/>
                <a:gd name="connsiteX9" fmla="*/ 33337 w 592931"/>
                <a:gd name="connsiteY9" fmla="*/ 459581 h 785812"/>
                <a:gd name="connsiteX10" fmla="*/ 52387 w 592931"/>
                <a:gd name="connsiteY10" fmla="*/ 488156 h 785812"/>
                <a:gd name="connsiteX11" fmla="*/ 66675 w 592931"/>
                <a:gd name="connsiteY11" fmla="*/ 521493 h 785812"/>
                <a:gd name="connsiteX12" fmla="*/ 71437 w 592931"/>
                <a:gd name="connsiteY12" fmla="*/ 561975 h 785812"/>
                <a:gd name="connsiteX13" fmla="*/ 78581 w 592931"/>
                <a:gd name="connsiteY13" fmla="*/ 628650 h 785812"/>
                <a:gd name="connsiteX14" fmla="*/ 38100 w 592931"/>
                <a:gd name="connsiteY14" fmla="*/ 785812 h 785812"/>
                <a:gd name="connsiteX15" fmla="*/ 61912 w 592931"/>
                <a:gd name="connsiteY15" fmla="*/ 785812 h 785812"/>
                <a:gd name="connsiteX16" fmla="*/ 304800 w 592931"/>
                <a:gd name="connsiteY16" fmla="*/ 731043 h 785812"/>
                <a:gd name="connsiteX17" fmla="*/ 311943 w 592931"/>
                <a:gd name="connsiteY17" fmla="*/ 752475 h 785812"/>
                <a:gd name="connsiteX18" fmla="*/ 504825 w 592931"/>
                <a:gd name="connsiteY18" fmla="*/ 697706 h 785812"/>
                <a:gd name="connsiteX19" fmla="*/ 523875 w 592931"/>
                <a:gd name="connsiteY19" fmla="*/ 673893 h 785812"/>
                <a:gd name="connsiteX20" fmla="*/ 535781 w 592931"/>
                <a:gd name="connsiteY20" fmla="*/ 635793 h 785812"/>
                <a:gd name="connsiteX21" fmla="*/ 519112 w 592931"/>
                <a:gd name="connsiteY21" fmla="*/ 611981 h 785812"/>
                <a:gd name="connsiteX22" fmla="*/ 535781 w 592931"/>
                <a:gd name="connsiteY22" fmla="*/ 583406 h 785812"/>
                <a:gd name="connsiteX23" fmla="*/ 578643 w 592931"/>
                <a:gd name="connsiteY23" fmla="*/ 540543 h 785812"/>
                <a:gd name="connsiteX24" fmla="*/ 592931 w 592931"/>
                <a:gd name="connsiteY24" fmla="*/ 495300 h 785812"/>
                <a:gd name="connsiteX25" fmla="*/ 585787 w 592931"/>
                <a:gd name="connsiteY25" fmla="*/ 423862 h 785812"/>
                <a:gd name="connsiteX26" fmla="*/ 554831 w 592931"/>
                <a:gd name="connsiteY26" fmla="*/ 357187 h 785812"/>
                <a:gd name="connsiteX27" fmla="*/ 531018 w 592931"/>
                <a:gd name="connsiteY27" fmla="*/ 292893 h 785812"/>
                <a:gd name="connsiteX28" fmla="*/ 500062 w 592931"/>
                <a:gd name="connsiteY28" fmla="*/ 271462 h 785812"/>
                <a:gd name="connsiteX29" fmla="*/ 452437 w 592931"/>
                <a:gd name="connsiteY29" fmla="*/ 271462 h 785812"/>
                <a:gd name="connsiteX30" fmla="*/ 416718 w 592931"/>
                <a:gd name="connsiteY30" fmla="*/ 330993 h 785812"/>
                <a:gd name="connsiteX31" fmla="*/ 404812 w 592931"/>
                <a:gd name="connsiteY31" fmla="*/ 350043 h 785812"/>
                <a:gd name="connsiteX32" fmla="*/ 404812 w 592931"/>
                <a:gd name="connsiteY32" fmla="*/ 350043 h 785812"/>
                <a:gd name="connsiteX33" fmla="*/ 364331 w 592931"/>
                <a:gd name="connsiteY33" fmla="*/ 342900 h 785812"/>
                <a:gd name="connsiteX34" fmla="*/ 366712 w 592931"/>
                <a:gd name="connsiteY34" fmla="*/ 311943 h 785812"/>
                <a:gd name="connsiteX35" fmla="*/ 376237 w 592931"/>
                <a:gd name="connsiteY35" fmla="*/ 290512 h 785812"/>
                <a:gd name="connsiteX36" fmla="*/ 388143 w 592931"/>
                <a:gd name="connsiteY36" fmla="*/ 269081 h 785812"/>
                <a:gd name="connsiteX37" fmla="*/ 395287 w 592931"/>
                <a:gd name="connsiteY37" fmla="*/ 252412 h 785812"/>
                <a:gd name="connsiteX38" fmla="*/ 411956 w 592931"/>
                <a:gd name="connsiteY38" fmla="*/ 202406 h 785812"/>
                <a:gd name="connsiteX39" fmla="*/ 400050 w 592931"/>
                <a:gd name="connsiteY39" fmla="*/ 123825 h 785812"/>
                <a:gd name="connsiteX40" fmla="*/ 371475 w 592931"/>
                <a:gd name="connsiteY40" fmla="*/ 100012 h 785812"/>
                <a:gd name="connsiteX41" fmla="*/ 373856 w 592931"/>
                <a:gd name="connsiteY41" fmla="*/ 88106 h 785812"/>
                <a:gd name="connsiteX42" fmla="*/ 381000 w 592931"/>
                <a:gd name="connsiteY42" fmla="*/ 71437 h 785812"/>
                <a:gd name="connsiteX43" fmla="*/ 376237 w 592931"/>
                <a:gd name="connsiteY43" fmla="*/ 59531 h 785812"/>
                <a:gd name="connsiteX44" fmla="*/ 340518 w 592931"/>
                <a:gd name="connsiteY44" fmla="*/ 52387 h 785812"/>
                <a:gd name="connsiteX45" fmla="*/ 321468 w 592931"/>
                <a:gd name="connsiteY45" fmla="*/ 42862 h 785812"/>
                <a:gd name="connsiteX46" fmla="*/ 311943 w 592931"/>
                <a:gd name="connsiteY46" fmla="*/ 30956 h 785812"/>
                <a:gd name="connsiteX47" fmla="*/ 283368 w 592931"/>
                <a:gd name="connsiteY47" fmla="*/ 35718 h 785812"/>
                <a:gd name="connsiteX48" fmla="*/ 261937 w 592931"/>
                <a:gd name="connsiteY48" fmla="*/ 28575 h 785812"/>
                <a:gd name="connsiteX49" fmla="*/ 238125 w 592931"/>
                <a:gd name="connsiteY49" fmla="*/ 14287 h 785812"/>
                <a:gd name="connsiteX50" fmla="*/ 211931 w 592931"/>
                <a:gd name="connsiteY50" fmla="*/ 21431 h 785812"/>
                <a:gd name="connsiteX51" fmla="*/ 197643 w 592931"/>
                <a:gd name="connsiteY51" fmla="*/ 19050 h 785812"/>
                <a:gd name="connsiteX52" fmla="*/ 169068 w 592931"/>
                <a:gd name="connsiteY52" fmla="*/ 0 h 785812"/>
                <a:gd name="connsiteX53" fmla="*/ 142875 w 592931"/>
                <a:gd name="connsiteY53" fmla="*/ 30956 h 785812"/>
                <a:gd name="connsiteX54" fmla="*/ 135731 w 592931"/>
                <a:gd name="connsiteY54" fmla="*/ 66675 h 785812"/>
                <a:gd name="connsiteX55" fmla="*/ 135731 w 592931"/>
                <a:gd name="connsiteY55" fmla="*/ 71437 h 785812"/>
                <a:gd name="connsiteX56" fmla="*/ 154781 w 592931"/>
                <a:gd name="connsiteY56" fmla="*/ 76200 h 785812"/>
                <a:gd name="connsiteX57" fmla="*/ 133350 w 592931"/>
                <a:gd name="connsiteY57" fmla="*/ 90487 h 785812"/>
                <a:gd name="connsiteX58" fmla="*/ 78581 w 592931"/>
                <a:gd name="connsiteY58" fmla="*/ 130968 h 785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592931" h="785812">
                  <a:moveTo>
                    <a:pt x="78581" y="130968"/>
                  </a:moveTo>
                  <a:lnTo>
                    <a:pt x="30956" y="190500"/>
                  </a:lnTo>
                  <a:lnTo>
                    <a:pt x="21431" y="219075"/>
                  </a:lnTo>
                  <a:lnTo>
                    <a:pt x="9525" y="261937"/>
                  </a:lnTo>
                  <a:lnTo>
                    <a:pt x="16668" y="292893"/>
                  </a:lnTo>
                  <a:lnTo>
                    <a:pt x="0" y="342900"/>
                  </a:lnTo>
                  <a:lnTo>
                    <a:pt x="0" y="359568"/>
                  </a:lnTo>
                  <a:lnTo>
                    <a:pt x="16668" y="390525"/>
                  </a:lnTo>
                  <a:lnTo>
                    <a:pt x="7143" y="431006"/>
                  </a:lnTo>
                  <a:lnTo>
                    <a:pt x="33337" y="459581"/>
                  </a:lnTo>
                  <a:lnTo>
                    <a:pt x="52387" y="488156"/>
                  </a:lnTo>
                  <a:lnTo>
                    <a:pt x="66675" y="521493"/>
                  </a:lnTo>
                  <a:lnTo>
                    <a:pt x="71437" y="561975"/>
                  </a:lnTo>
                  <a:lnTo>
                    <a:pt x="78581" y="628650"/>
                  </a:lnTo>
                  <a:lnTo>
                    <a:pt x="38100" y="785812"/>
                  </a:lnTo>
                  <a:lnTo>
                    <a:pt x="61912" y="785812"/>
                  </a:lnTo>
                  <a:lnTo>
                    <a:pt x="304800" y="731043"/>
                  </a:lnTo>
                  <a:lnTo>
                    <a:pt x="311943" y="752475"/>
                  </a:lnTo>
                  <a:lnTo>
                    <a:pt x="504825" y="697706"/>
                  </a:lnTo>
                  <a:lnTo>
                    <a:pt x="523875" y="673893"/>
                  </a:lnTo>
                  <a:lnTo>
                    <a:pt x="535781" y="635793"/>
                  </a:lnTo>
                  <a:lnTo>
                    <a:pt x="519112" y="611981"/>
                  </a:lnTo>
                  <a:lnTo>
                    <a:pt x="535781" y="583406"/>
                  </a:lnTo>
                  <a:lnTo>
                    <a:pt x="578643" y="540543"/>
                  </a:lnTo>
                  <a:lnTo>
                    <a:pt x="592931" y="495300"/>
                  </a:lnTo>
                  <a:lnTo>
                    <a:pt x="585787" y="423862"/>
                  </a:lnTo>
                  <a:lnTo>
                    <a:pt x="554831" y="357187"/>
                  </a:lnTo>
                  <a:lnTo>
                    <a:pt x="531018" y="292893"/>
                  </a:lnTo>
                  <a:lnTo>
                    <a:pt x="500062" y="271462"/>
                  </a:lnTo>
                  <a:lnTo>
                    <a:pt x="452437" y="271462"/>
                  </a:lnTo>
                  <a:lnTo>
                    <a:pt x="416718" y="330993"/>
                  </a:lnTo>
                  <a:lnTo>
                    <a:pt x="404812" y="350043"/>
                  </a:lnTo>
                  <a:lnTo>
                    <a:pt x="404812" y="350043"/>
                  </a:lnTo>
                  <a:lnTo>
                    <a:pt x="364331" y="342900"/>
                  </a:lnTo>
                  <a:lnTo>
                    <a:pt x="366712" y="311943"/>
                  </a:lnTo>
                  <a:lnTo>
                    <a:pt x="376237" y="290512"/>
                  </a:lnTo>
                  <a:lnTo>
                    <a:pt x="388143" y="269081"/>
                  </a:lnTo>
                  <a:lnTo>
                    <a:pt x="395287" y="252412"/>
                  </a:lnTo>
                  <a:lnTo>
                    <a:pt x="411956" y="202406"/>
                  </a:lnTo>
                  <a:lnTo>
                    <a:pt x="400050" y="123825"/>
                  </a:lnTo>
                  <a:lnTo>
                    <a:pt x="371475" y="100012"/>
                  </a:lnTo>
                  <a:lnTo>
                    <a:pt x="373856" y="88106"/>
                  </a:lnTo>
                  <a:lnTo>
                    <a:pt x="381000" y="71437"/>
                  </a:lnTo>
                  <a:lnTo>
                    <a:pt x="376237" y="59531"/>
                  </a:lnTo>
                  <a:lnTo>
                    <a:pt x="340518" y="52387"/>
                  </a:lnTo>
                  <a:lnTo>
                    <a:pt x="321468" y="42862"/>
                  </a:lnTo>
                  <a:lnTo>
                    <a:pt x="311943" y="30956"/>
                  </a:lnTo>
                  <a:lnTo>
                    <a:pt x="283368" y="35718"/>
                  </a:lnTo>
                  <a:lnTo>
                    <a:pt x="261937" y="28575"/>
                  </a:lnTo>
                  <a:lnTo>
                    <a:pt x="238125" y="14287"/>
                  </a:lnTo>
                  <a:lnTo>
                    <a:pt x="211931" y="21431"/>
                  </a:lnTo>
                  <a:lnTo>
                    <a:pt x="197643" y="19050"/>
                  </a:lnTo>
                  <a:lnTo>
                    <a:pt x="169068" y="0"/>
                  </a:lnTo>
                  <a:lnTo>
                    <a:pt x="142875" y="30956"/>
                  </a:lnTo>
                  <a:lnTo>
                    <a:pt x="135731" y="66675"/>
                  </a:lnTo>
                  <a:lnTo>
                    <a:pt x="135731" y="71437"/>
                  </a:lnTo>
                  <a:lnTo>
                    <a:pt x="154781" y="76200"/>
                  </a:lnTo>
                  <a:lnTo>
                    <a:pt x="133350" y="90487"/>
                  </a:lnTo>
                  <a:lnTo>
                    <a:pt x="78581" y="130968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</p:grpSp>
      <p:grpSp>
        <p:nvGrpSpPr>
          <p:cNvPr id="73" name="Group 119"/>
          <p:cNvGrpSpPr/>
          <p:nvPr userDrawn="1"/>
        </p:nvGrpSpPr>
        <p:grpSpPr>
          <a:xfrm rot="171972">
            <a:off x="7003541" y="1858108"/>
            <a:ext cx="1193006" cy="831057"/>
            <a:chOff x="6893719" y="1221581"/>
            <a:chExt cx="1193006" cy="831057"/>
          </a:xfrm>
          <a:solidFill>
            <a:srgbClr val="2282AF"/>
          </a:solidFill>
        </p:grpSpPr>
        <p:sp>
          <p:nvSpPr>
            <p:cNvPr id="74" name="Freeform 73"/>
            <p:cNvSpPr/>
            <p:nvPr/>
          </p:nvSpPr>
          <p:spPr>
            <a:xfrm>
              <a:off x="6893719" y="1221581"/>
              <a:ext cx="978694" cy="831057"/>
            </a:xfrm>
            <a:custGeom>
              <a:avLst/>
              <a:gdLst>
                <a:gd name="connsiteX0" fmla="*/ 0 w 978694"/>
                <a:gd name="connsiteY0" fmla="*/ 831057 h 831057"/>
                <a:gd name="connsiteX1" fmla="*/ 657225 w 978694"/>
                <a:gd name="connsiteY1" fmla="*/ 647700 h 831057"/>
                <a:gd name="connsiteX2" fmla="*/ 709612 w 978694"/>
                <a:gd name="connsiteY2" fmla="*/ 673894 h 831057"/>
                <a:gd name="connsiteX3" fmla="*/ 769144 w 978694"/>
                <a:gd name="connsiteY3" fmla="*/ 733425 h 831057"/>
                <a:gd name="connsiteX4" fmla="*/ 821531 w 978694"/>
                <a:gd name="connsiteY4" fmla="*/ 733425 h 831057"/>
                <a:gd name="connsiteX5" fmla="*/ 866775 w 978694"/>
                <a:gd name="connsiteY5" fmla="*/ 747713 h 831057"/>
                <a:gd name="connsiteX6" fmla="*/ 909637 w 978694"/>
                <a:gd name="connsiteY6" fmla="*/ 745332 h 831057"/>
                <a:gd name="connsiteX7" fmla="*/ 942975 w 978694"/>
                <a:gd name="connsiteY7" fmla="*/ 757238 h 831057"/>
                <a:gd name="connsiteX8" fmla="*/ 962025 w 978694"/>
                <a:gd name="connsiteY8" fmla="*/ 747713 h 831057"/>
                <a:gd name="connsiteX9" fmla="*/ 978694 w 978694"/>
                <a:gd name="connsiteY9" fmla="*/ 690563 h 831057"/>
                <a:gd name="connsiteX10" fmla="*/ 919162 w 978694"/>
                <a:gd name="connsiteY10" fmla="*/ 581025 h 831057"/>
                <a:gd name="connsiteX11" fmla="*/ 912019 w 978694"/>
                <a:gd name="connsiteY11" fmla="*/ 507207 h 831057"/>
                <a:gd name="connsiteX12" fmla="*/ 895350 w 978694"/>
                <a:gd name="connsiteY12" fmla="*/ 471488 h 831057"/>
                <a:gd name="connsiteX13" fmla="*/ 890587 w 978694"/>
                <a:gd name="connsiteY13" fmla="*/ 383382 h 831057"/>
                <a:gd name="connsiteX14" fmla="*/ 833437 w 978694"/>
                <a:gd name="connsiteY14" fmla="*/ 204788 h 831057"/>
                <a:gd name="connsiteX15" fmla="*/ 800100 w 978694"/>
                <a:gd name="connsiteY15" fmla="*/ 176213 h 831057"/>
                <a:gd name="connsiteX16" fmla="*/ 769144 w 978694"/>
                <a:gd name="connsiteY16" fmla="*/ 85725 h 831057"/>
                <a:gd name="connsiteX17" fmla="*/ 757237 w 978694"/>
                <a:gd name="connsiteY17" fmla="*/ 50007 h 831057"/>
                <a:gd name="connsiteX18" fmla="*/ 740569 w 978694"/>
                <a:gd name="connsiteY18" fmla="*/ 0 h 831057"/>
                <a:gd name="connsiteX19" fmla="*/ 528637 w 978694"/>
                <a:gd name="connsiteY19" fmla="*/ 83344 h 831057"/>
                <a:gd name="connsiteX20" fmla="*/ 485775 w 978694"/>
                <a:gd name="connsiteY20" fmla="*/ 123825 h 831057"/>
                <a:gd name="connsiteX21" fmla="*/ 471487 w 978694"/>
                <a:gd name="connsiteY21" fmla="*/ 178594 h 831057"/>
                <a:gd name="connsiteX22" fmla="*/ 471487 w 978694"/>
                <a:gd name="connsiteY22" fmla="*/ 221457 h 831057"/>
                <a:gd name="connsiteX23" fmla="*/ 461962 w 978694"/>
                <a:gd name="connsiteY23" fmla="*/ 242888 h 831057"/>
                <a:gd name="connsiteX24" fmla="*/ 421481 w 978694"/>
                <a:gd name="connsiteY24" fmla="*/ 278607 h 831057"/>
                <a:gd name="connsiteX25" fmla="*/ 411956 w 978694"/>
                <a:gd name="connsiteY25" fmla="*/ 302419 h 831057"/>
                <a:gd name="connsiteX26" fmla="*/ 411956 w 978694"/>
                <a:gd name="connsiteY26" fmla="*/ 302419 h 831057"/>
                <a:gd name="connsiteX27" fmla="*/ 435769 w 978694"/>
                <a:gd name="connsiteY27" fmla="*/ 307182 h 831057"/>
                <a:gd name="connsiteX28" fmla="*/ 457200 w 978694"/>
                <a:gd name="connsiteY28" fmla="*/ 326232 h 831057"/>
                <a:gd name="connsiteX29" fmla="*/ 435769 w 978694"/>
                <a:gd name="connsiteY29" fmla="*/ 369094 h 831057"/>
                <a:gd name="connsiteX30" fmla="*/ 466725 w 978694"/>
                <a:gd name="connsiteY30" fmla="*/ 400050 h 831057"/>
                <a:gd name="connsiteX31" fmla="*/ 461962 w 978694"/>
                <a:gd name="connsiteY31" fmla="*/ 431007 h 831057"/>
                <a:gd name="connsiteX32" fmla="*/ 426244 w 978694"/>
                <a:gd name="connsiteY32" fmla="*/ 433388 h 831057"/>
                <a:gd name="connsiteX33" fmla="*/ 373856 w 978694"/>
                <a:gd name="connsiteY33" fmla="*/ 483394 h 831057"/>
                <a:gd name="connsiteX34" fmla="*/ 330994 w 978694"/>
                <a:gd name="connsiteY34" fmla="*/ 507207 h 831057"/>
                <a:gd name="connsiteX35" fmla="*/ 309562 w 978694"/>
                <a:gd name="connsiteY35" fmla="*/ 526257 h 831057"/>
                <a:gd name="connsiteX36" fmla="*/ 283369 w 978694"/>
                <a:gd name="connsiteY36" fmla="*/ 526257 h 831057"/>
                <a:gd name="connsiteX37" fmla="*/ 235744 w 978694"/>
                <a:gd name="connsiteY37" fmla="*/ 523875 h 831057"/>
                <a:gd name="connsiteX38" fmla="*/ 178594 w 978694"/>
                <a:gd name="connsiteY38" fmla="*/ 547688 h 831057"/>
                <a:gd name="connsiteX39" fmla="*/ 123825 w 978694"/>
                <a:gd name="connsiteY39" fmla="*/ 569119 h 831057"/>
                <a:gd name="connsiteX40" fmla="*/ 123825 w 978694"/>
                <a:gd name="connsiteY40" fmla="*/ 569119 h 831057"/>
                <a:gd name="connsiteX41" fmla="*/ 109537 w 978694"/>
                <a:gd name="connsiteY41" fmla="*/ 633413 h 831057"/>
                <a:gd name="connsiteX42" fmla="*/ 109537 w 978694"/>
                <a:gd name="connsiteY42" fmla="*/ 633413 h 831057"/>
                <a:gd name="connsiteX43" fmla="*/ 140494 w 978694"/>
                <a:gd name="connsiteY43" fmla="*/ 640557 h 831057"/>
                <a:gd name="connsiteX44" fmla="*/ 147637 w 978694"/>
                <a:gd name="connsiteY44" fmla="*/ 671513 h 831057"/>
                <a:gd name="connsiteX45" fmla="*/ 138112 w 978694"/>
                <a:gd name="connsiteY45" fmla="*/ 702469 h 831057"/>
                <a:gd name="connsiteX46" fmla="*/ 0 w 978694"/>
                <a:gd name="connsiteY46" fmla="*/ 831057 h 8310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</a:cxnLst>
              <a:rect l="l" t="t" r="r" b="b"/>
              <a:pathLst>
                <a:path w="978694" h="831057">
                  <a:moveTo>
                    <a:pt x="0" y="831057"/>
                  </a:moveTo>
                  <a:lnTo>
                    <a:pt x="657225" y="647700"/>
                  </a:lnTo>
                  <a:lnTo>
                    <a:pt x="709612" y="673894"/>
                  </a:lnTo>
                  <a:lnTo>
                    <a:pt x="769144" y="733425"/>
                  </a:lnTo>
                  <a:lnTo>
                    <a:pt x="821531" y="733425"/>
                  </a:lnTo>
                  <a:lnTo>
                    <a:pt x="866775" y="747713"/>
                  </a:lnTo>
                  <a:lnTo>
                    <a:pt x="909637" y="745332"/>
                  </a:lnTo>
                  <a:lnTo>
                    <a:pt x="942975" y="757238"/>
                  </a:lnTo>
                  <a:lnTo>
                    <a:pt x="962025" y="747713"/>
                  </a:lnTo>
                  <a:lnTo>
                    <a:pt x="978694" y="690563"/>
                  </a:lnTo>
                  <a:lnTo>
                    <a:pt x="919162" y="581025"/>
                  </a:lnTo>
                  <a:lnTo>
                    <a:pt x="912019" y="507207"/>
                  </a:lnTo>
                  <a:lnTo>
                    <a:pt x="895350" y="471488"/>
                  </a:lnTo>
                  <a:lnTo>
                    <a:pt x="890587" y="383382"/>
                  </a:lnTo>
                  <a:lnTo>
                    <a:pt x="833437" y="204788"/>
                  </a:lnTo>
                  <a:lnTo>
                    <a:pt x="800100" y="176213"/>
                  </a:lnTo>
                  <a:lnTo>
                    <a:pt x="769144" y="85725"/>
                  </a:lnTo>
                  <a:lnTo>
                    <a:pt x="757237" y="50007"/>
                  </a:lnTo>
                  <a:lnTo>
                    <a:pt x="740569" y="0"/>
                  </a:lnTo>
                  <a:lnTo>
                    <a:pt x="528637" y="83344"/>
                  </a:lnTo>
                  <a:lnTo>
                    <a:pt x="485775" y="123825"/>
                  </a:lnTo>
                  <a:lnTo>
                    <a:pt x="471487" y="178594"/>
                  </a:lnTo>
                  <a:lnTo>
                    <a:pt x="471487" y="221457"/>
                  </a:lnTo>
                  <a:lnTo>
                    <a:pt x="461962" y="242888"/>
                  </a:lnTo>
                  <a:lnTo>
                    <a:pt x="421481" y="278607"/>
                  </a:lnTo>
                  <a:lnTo>
                    <a:pt x="411956" y="302419"/>
                  </a:lnTo>
                  <a:lnTo>
                    <a:pt x="411956" y="302419"/>
                  </a:lnTo>
                  <a:lnTo>
                    <a:pt x="435769" y="307182"/>
                  </a:lnTo>
                  <a:lnTo>
                    <a:pt x="457200" y="326232"/>
                  </a:lnTo>
                  <a:lnTo>
                    <a:pt x="435769" y="369094"/>
                  </a:lnTo>
                  <a:lnTo>
                    <a:pt x="466725" y="400050"/>
                  </a:lnTo>
                  <a:lnTo>
                    <a:pt x="461962" y="431007"/>
                  </a:lnTo>
                  <a:lnTo>
                    <a:pt x="426244" y="433388"/>
                  </a:lnTo>
                  <a:lnTo>
                    <a:pt x="373856" y="483394"/>
                  </a:lnTo>
                  <a:lnTo>
                    <a:pt x="330994" y="507207"/>
                  </a:lnTo>
                  <a:lnTo>
                    <a:pt x="309562" y="526257"/>
                  </a:lnTo>
                  <a:lnTo>
                    <a:pt x="283369" y="526257"/>
                  </a:lnTo>
                  <a:lnTo>
                    <a:pt x="235744" y="523875"/>
                  </a:lnTo>
                  <a:lnTo>
                    <a:pt x="178594" y="547688"/>
                  </a:lnTo>
                  <a:lnTo>
                    <a:pt x="123825" y="569119"/>
                  </a:lnTo>
                  <a:lnTo>
                    <a:pt x="123825" y="569119"/>
                  </a:lnTo>
                  <a:lnTo>
                    <a:pt x="109537" y="633413"/>
                  </a:lnTo>
                  <a:lnTo>
                    <a:pt x="109537" y="633413"/>
                  </a:lnTo>
                  <a:lnTo>
                    <a:pt x="140494" y="640557"/>
                  </a:lnTo>
                  <a:lnTo>
                    <a:pt x="147637" y="671513"/>
                  </a:lnTo>
                  <a:lnTo>
                    <a:pt x="138112" y="702469"/>
                  </a:lnTo>
                  <a:lnTo>
                    <a:pt x="0" y="831057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75" name="Freeform 74"/>
            <p:cNvSpPr/>
            <p:nvPr/>
          </p:nvSpPr>
          <p:spPr>
            <a:xfrm>
              <a:off x="7831932" y="1854994"/>
              <a:ext cx="254793" cy="192881"/>
            </a:xfrm>
            <a:custGeom>
              <a:avLst/>
              <a:gdLst>
                <a:gd name="connsiteX0" fmla="*/ 0 w 245269"/>
                <a:gd name="connsiteY0" fmla="*/ 192881 h 192881"/>
                <a:gd name="connsiteX1" fmla="*/ 97632 w 245269"/>
                <a:gd name="connsiteY1" fmla="*/ 130969 h 192881"/>
                <a:gd name="connsiteX2" fmla="*/ 142875 w 245269"/>
                <a:gd name="connsiteY2" fmla="*/ 92869 h 192881"/>
                <a:gd name="connsiteX3" fmla="*/ 245269 w 245269"/>
                <a:gd name="connsiteY3" fmla="*/ 0 h 192881"/>
                <a:gd name="connsiteX4" fmla="*/ 226219 w 245269"/>
                <a:gd name="connsiteY4" fmla="*/ 2381 h 192881"/>
                <a:gd name="connsiteX5" fmla="*/ 197644 w 245269"/>
                <a:gd name="connsiteY5" fmla="*/ 28575 h 192881"/>
                <a:gd name="connsiteX6" fmla="*/ 166688 w 245269"/>
                <a:gd name="connsiteY6" fmla="*/ 28575 h 192881"/>
                <a:gd name="connsiteX7" fmla="*/ 150019 w 245269"/>
                <a:gd name="connsiteY7" fmla="*/ 47625 h 192881"/>
                <a:gd name="connsiteX8" fmla="*/ 126207 w 245269"/>
                <a:gd name="connsiteY8" fmla="*/ 50006 h 192881"/>
                <a:gd name="connsiteX9" fmla="*/ 83344 w 245269"/>
                <a:gd name="connsiteY9" fmla="*/ 78581 h 192881"/>
                <a:gd name="connsiteX10" fmla="*/ 54769 w 245269"/>
                <a:gd name="connsiteY10" fmla="*/ 92869 h 192881"/>
                <a:gd name="connsiteX11" fmla="*/ 30957 w 245269"/>
                <a:gd name="connsiteY11" fmla="*/ 119062 h 192881"/>
                <a:gd name="connsiteX12" fmla="*/ 0 w 245269"/>
                <a:gd name="connsiteY12" fmla="*/ 192881 h 192881"/>
                <a:gd name="connsiteX0" fmla="*/ 0 w 245269"/>
                <a:gd name="connsiteY0" fmla="*/ 192881 h 192881"/>
                <a:gd name="connsiteX1" fmla="*/ 97632 w 245269"/>
                <a:gd name="connsiteY1" fmla="*/ 130969 h 192881"/>
                <a:gd name="connsiteX2" fmla="*/ 142875 w 245269"/>
                <a:gd name="connsiteY2" fmla="*/ 92869 h 192881"/>
                <a:gd name="connsiteX3" fmla="*/ 245269 w 245269"/>
                <a:gd name="connsiteY3" fmla="*/ 0 h 192881"/>
                <a:gd name="connsiteX4" fmla="*/ 226219 w 245269"/>
                <a:gd name="connsiteY4" fmla="*/ 2381 h 192881"/>
                <a:gd name="connsiteX5" fmla="*/ 197644 w 245269"/>
                <a:gd name="connsiteY5" fmla="*/ 28575 h 192881"/>
                <a:gd name="connsiteX6" fmla="*/ 166688 w 245269"/>
                <a:gd name="connsiteY6" fmla="*/ 28575 h 192881"/>
                <a:gd name="connsiteX7" fmla="*/ 150019 w 245269"/>
                <a:gd name="connsiteY7" fmla="*/ 47625 h 192881"/>
                <a:gd name="connsiteX8" fmla="*/ 126207 w 245269"/>
                <a:gd name="connsiteY8" fmla="*/ 50006 h 192881"/>
                <a:gd name="connsiteX9" fmla="*/ 83344 w 245269"/>
                <a:gd name="connsiteY9" fmla="*/ 78581 h 192881"/>
                <a:gd name="connsiteX10" fmla="*/ 54769 w 245269"/>
                <a:gd name="connsiteY10" fmla="*/ 92869 h 192881"/>
                <a:gd name="connsiteX11" fmla="*/ 30957 w 245269"/>
                <a:gd name="connsiteY11" fmla="*/ 119062 h 192881"/>
                <a:gd name="connsiteX12" fmla="*/ 14288 w 245269"/>
                <a:gd name="connsiteY12" fmla="*/ 152400 h 192881"/>
                <a:gd name="connsiteX13" fmla="*/ 0 w 245269"/>
                <a:gd name="connsiteY13" fmla="*/ 192881 h 192881"/>
                <a:gd name="connsiteX0" fmla="*/ 9524 w 254793"/>
                <a:gd name="connsiteY0" fmla="*/ 192881 h 192881"/>
                <a:gd name="connsiteX1" fmla="*/ 107156 w 254793"/>
                <a:gd name="connsiteY1" fmla="*/ 130969 h 192881"/>
                <a:gd name="connsiteX2" fmla="*/ 152399 w 254793"/>
                <a:gd name="connsiteY2" fmla="*/ 92869 h 192881"/>
                <a:gd name="connsiteX3" fmla="*/ 254793 w 254793"/>
                <a:gd name="connsiteY3" fmla="*/ 0 h 192881"/>
                <a:gd name="connsiteX4" fmla="*/ 235743 w 254793"/>
                <a:gd name="connsiteY4" fmla="*/ 2381 h 192881"/>
                <a:gd name="connsiteX5" fmla="*/ 207168 w 254793"/>
                <a:gd name="connsiteY5" fmla="*/ 28575 h 192881"/>
                <a:gd name="connsiteX6" fmla="*/ 176212 w 254793"/>
                <a:gd name="connsiteY6" fmla="*/ 28575 h 192881"/>
                <a:gd name="connsiteX7" fmla="*/ 159543 w 254793"/>
                <a:gd name="connsiteY7" fmla="*/ 47625 h 192881"/>
                <a:gd name="connsiteX8" fmla="*/ 135731 w 254793"/>
                <a:gd name="connsiteY8" fmla="*/ 50006 h 192881"/>
                <a:gd name="connsiteX9" fmla="*/ 92868 w 254793"/>
                <a:gd name="connsiteY9" fmla="*/ 78581 h 192881"/>
                <a:gd name="connsiteX10" fmla="*/ 64293 w 254793"/>
                <a:gd name="connsiteY10" fmla="*/ 92869 h 192881"/>
                <a:gd name="connsiteX11" fmla="*/ 40481 w 254793"/>
                <a:gd name="connsiteY11" fmla="*/ 119062 h 192881"/>
                <a:gd name="connsiteX12" fmla="*/ 0 w 254793"/>
                <a:gd name="connsiteY12" fmla="*/ 159544 h 192881"/>
                <a:gd name="connsiteX13" fmla="*/ 9524 w 254793"/>
                <a:gd name="connsiteY13" fmla="*/ 192881 h 1928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54793" h="192881">
                  <a:moveTo>
                    <a:pt x="9524" y="192881"/>
                  </a:moveTo>
                  <a:lnTo>
                    <a:pt x="107156" y="130969"/>
                  </a:lnTo>
                  <a:lnTo>
                    <a:pt x="152399" y="92869"/>
                  </a:lnTo>
                  <a:lnTo>
                    <a:pt x="254793" y="0"/>
                  </a:lnTo>
                  <a:lnTo>
                    <a:pt x="235743" y="2381"/>
                  </a:lnTo>
                  <a:lnTo>
                    <a:pt x="207168" y="28575"/>
                  </a:lnTo>
                  <a:lnTo>
                    <a:pt x="176212" y="28575"/>
                  </a:lnTo>
                  <a:lnTo>
                    <a:pt x="159543" y="47625"/>
                  </a:lnTo>
                  <a:lnTo>
                    <a:pt x="135731" y="50006"/>
                  </a:lnTo>
                  <a:lnTo>
                    <a:pt x="92868" y="78581"/>
                  </a:lnTo>
                  <a:lnTo>
                    <a:pt x="64293" y="92869"/>
                  </a:lnTo>
                  <a:lnTo>
                    <a:pt x="40481" y="119062"/>
                  </a:lnTo>
                  <a:lnTo>
                    <a:pt x="0" y="159544"/>
                  </a:lnTo>
                  <a:lnTo>
                    <a:pt x="9524" y="192881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</p:grpSp>
      <p:grpSp>
        <p:nvGrpSpPr>
          <p:cNvPr id="76" name="Group 120"/>
          <p:cNvGrpSpPr/>
          <p:nvPr userDrawn="1"/>
        </p:nvGrpSpPr>
        <p:grpSpPr>
          <a:xfrm rot="171972">
            <a:off x="6684450" y="3021915"/>
            <a:ext cx="1140619" cy="764381"/>
            <a:chOff x="6634163" y="2452688"/>
            <a:chExt cx="1140619" cy="764381"/>
          </a:xfrm>
          <a:solidFill>
            <a:srgbClr val="A7A53D"/>
          </a:solidFill>
        </p:grpSpPr>
        <p:sp>
          <p:nvSpPr>
            <p:cNvPr id="77" name="Freeform 76"/>
            <p:cNvSpPr/>
            <p:nvPr/>
          </p:nvSpPr>
          <p:spPr>
            <a:xfrm>
              <a:off x="6634163" y="2452688"/>
              <a:ext cx="1131093" cy="764381"/>
            </a:xfrm>
            <a:custGeom>
              <a:avLst/>
              <a:gdLst>
                <a:gd name="connsiteX0" fmla="*/ 0 w 1131093"/>
                <a:gd name="connsiteY0" fmla="*/ 764381 h 764381"/>
                <a:gd name="connsiteX1" fmla="*/ 57150 w 1131093"/>
                <a:gd name="connsiteY1" fmla="*/ 754856 h 764381"/>
                <a:gd name="connsiteX2" fmla="*/ 1131093 w 1131093"/>
                <a:gd name="connsiteY2" fmla="*/ 404812 h 764381"/>
                <a:gd name="connsiteX3" fmla="*/ 1100137 w 1131093"/>
                <a:gd name="connsiteY3" fmla="*/ 373856 h 764381"/>
                <a:gd name="connsiteX4" fmla="*/ 1078706 w 1131093"/>
                <a:gd name="connsiteY4" fmla="*/ 388143 h 764381"/>
                <a:gd name="connsiteX5" fmla="*/ 1050131 w 1131093"/>
                <a:gd name="connsiteY5" fmla="*/ 388143 h 764381"/>
                <a:gd name="connsiteX6" fmla="*/ 1023937 w 1131093"/>
                <a:gd name="connsiteY6" fmla="*/ 369093 h 764381"/>
                <a:gd name="connsiteX7" fmla="*/ 985837 w 1131093"/>
                <a:gd name="connsiteY7" fmla="*/ 371475 h 764381"/>
                <a:gd name="connsiteX8" fmla="*/ 985837 w 1131093"/>
                <a:gd name="connsiteY8" fmla="*/ 371475 h 764381"/>
                <a:gd name="connsiteX9" fmla="*/ 1012031 w 1131093"/>
                <a:gd name="connsiteY9" fmla="*/ 345281 h 764381"/>
                <a:gd name="connsiteX10" fmla="*/ 1038225 w 1131093"/>
                <a:gd name="connsiteY10" fmla="*/ 354806 h 764381"/>
                <a:gd name="connsiteX11" fmla="*/ 1062037 w 1131093"/>
                <a:gd name="connsiteY11" fmla="*/ 366712 h 764381"/>
                <a:gd name="connsiteX12" fmla="*/ 1057275 w 1131093"/>
                <a:gd name="connsiteY12" fmla="*/ 345281 h 764381"/>
                <a:gd name="connsiteX13" fmla="*/ 1040606 w 1131093"/>
                <a:gd name="connsiteY13" fmla="*/ 330993 h 764381"/>
                <a:gd name="connsiteX14" fmla="*/ 1016793 w 1131093"/>
                <a:gd name="connsiteY14" fmla="*/ 330993 h 764381"/>
                <a:gd name="connsiteX15" fmla="*/ 997743 w 1131093"/>
                <a:gd name="connsiteY15" fmla="*/ 300037 h 764381"/>
                <a:gd name="connsiteX16" fmla="*/ 1026318 w 1131093"/>
                <a:gd name="connsiteY16" fmla="*/ 300037 h 764381"/>
                <a:gd name="connsiteX17" fmla="*/ 1028700 w 1131093"/>
                <a:gd name="connsiteY17" fmla="*/ 280987 h 764381"/>
                <a:gd name="connsiteX18" fmla="*/ 957262 w 1131093"/>
                <a:gd name="connsiteY18" fmla="*/ 233362 h 764381"/>
                <a:gd name="connsiteX19" fmla="*/ 976312 w 1131093"/>
                <a:gd name="connsiteY19" fmla="*/ 216693 h 764381"/>
                <a:gd name="connsiteX20" fmla="*/ 1016793 w 1131093"/>
                <a:gd name="connsiteY20" fmla="*/ 238125 h 764381"/>
                <a:gd name="connsiteX21" fmla="*/ 1019175 w 1131093"/>
                <a:gd name="connsiteY21" fmla="*/ 207168 h 764381"/>
                <a:gd name="connsiteX22" fmla="*/ 983456 w 1131093"/>
                <a:gd name="connsiteY22" fmla="*/ 169068 h 764381"/>
                <a:gd name="connsiteX23" fmla="*/ 926306 w 1131093"/>
                <a:gd name="connsiteY23" fmla="*/ 171450 h 764381"/>
                <a:gd name="connsiteX24" fmla="*/ 897731 w 1131093"/>
                <a:gd name="connsiteY24" fmla="*/ 147637 h 764381"/>
                <a:gd name="connsiteX25" fmla="*/ 873918 w 1131093"/>
                <a:gd name="connsiteY25" fmla="*/ 150018 h 764381"/>
                <a:gd name="connsiteX26" fmla="*/ 850106 w 1131093"/>
                <a:gd name="connsiteY26" fmla="*/ 138112 h 764381"/>
                <a:gd name="connsiteX27" fmla="*/ 859631 w 1131093"/>
                <a:gd name="connsiteY27" fmla="*/ 73818 h 764381"/>
                <a:gd name="connsiteX28" fmla="*/ 826293 w 1131093"/>
                <a:gd name="connsiteY28" fmla="*/ 42862 h 764381"/>
                <a:gd name="connsiteX29" fmla="*/ 754856 w 1131093"/>
                <a:gd name="connsiteY29" fmla="*/ 0 h 764381"/>
                <a:gd name="connsiteX30" fmla="*/ 728662 w 1131093"/>
                <a:gd name="connsiteY30" fmla="*/ 14287 h 764381"/>
                <a:gd name="connsiteX31" fmla="*/ 721518 w 1131093"/>
                <a:gd name="connsiteY31" fmla="*/ 42862 h 764381"/>
                <a:gd name="connsiteX32" fmla="*/ 714375 w 1131093"/>
                <a:gd name="connsiteY32" fmla="*/ 50006 h 764381"/>
                <a:gd name="connsiteX33" fmla="*/ 666750 w 1131093"/>
                <a:gd name="connsiteY33" fmla="*/ 35718 h 764381"/>
                <a:gd name="connsiteX34" fmla="*/ 645318 w 1131093"/>
                <a:gd name="connsiteY34" fmla="*/ 42862 h 764381"/>
                <a:gd name="connsiteX35" fmla="*/ 647700 w 1131093"/>
                <a:gd name="connsiteY35" fmla="*/ 73818 h 764381"/>
                <a:gd name="connsiteX36" fmla="*/ 566737 w 1131093"/>
                <a:gd name="connsiteY36" fmla="*/ 180975 h 764381"/>
                <a:gd name="connsiteX37" fmla="*/ 559593 w 1131093"/>
                <a:gd name="connsiteY37" fmla="*/ 226218 h 764381"/>
                <a:gd name="connsiteX38" fmla="*/ 500062 w 1131093"/>
                <a:gd name="connsiteY38" fmla="*/ 261937 h 764381"/>
                <a:gd name="connsiteX39" fmla="*/ 466725 w 1131093"/>
                <a:gd name="connsiteY39" fmla="*/ 328612 h 764381"/>
                <a:gd name="connsiteX40" fmla="*/ 450056 w 1131093"/>
                <a:gd name="connsiteY40" fmla="*/ 364331 h 764381"/>
                <a:gd name="connsiteX41" fmla="*/ 435768 w 1131093"/>
                <a:gd name="connsiteY41" fmla="*/ 476250 h 764381"/>
                <a:gd name="connsiteX42" fmla="*/ 433387 w 1131093"/>
                <a:gd name="connsiteY42" fmla="*/ 490537 h 764381"/>
                <a:gd name="connsiteX43" fmla="*/ 381000 w 1131093"/>
                <a:gd name="connsiteY43" fmla="*/ 516731 h 764381"/>
                <a:gd name="connsiteX44" fmla="*/ 326231 w 1131093"/>
                <a:gd name="connsiteY44" fmla="*/ 540543 h 764381"/>
                <a:gd name="connsiteX45" fmla="*/ 297656 w 1131093"/>
                <a:gd name="connsiteY45" fmla="*/ 554831 h 764381"/>
                <a:gd name="connsiteX46" fmla="*/ 285750 w 1131093"/>
                <a:gd name="connsiteY46" fmla="*/ 597693 h 764381"/>
                <a:gd name="connsiteX47" fmla="*/ 242887 w 1131093"/>
                <a:gd name="connsiteY47" fmla="*/ 576262 h 764381"/>
                <a:gd name="connsiteX48" fmla="*/ 226218 w 1131093"/>
                <a:gd name="connsiteY48" fmla="*/ 573881 h 764381"/>
                <a:gd name="connsiteX49" fmla="*/ 176212 w 1131093"/>
                <a:gd name="connsiteY49" fmla="*/ 521493 h 764381"/>
                <a:gd name="connsiteX50" fmla="*/ 159543 w 1131093"/>
                <a:gd name="connsiteY50" fmla="*/ 531018 h 764381"/>
                <a:gd name="connsiteX51" fmla="*/ 157162 w 1131093"/>
                <a:gd name="connsiteY51" fmla="*/ 581025 h 764381"/>
                <a:gd name="connsiteX52" fmla="*/ 100012 w 1131093"/>
                <a:gd name="connsiteY52" fmla="*/ 626268 h 764381"/>
                <a:gd name="connsiteX53" fmla="*/ 85725 w 1131093"/>
                <a:gd name="connsiteY53" fmla="*/ 683418 h 764381"/>
                <a:gd name="connsiteX54" fmla="*/ 0 w 1131093"/>
                <a:gd name="connsiteY54" fmla="*/ 764381 h 7643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</a:cxnLst>
              <a:rect l="l" t="t" r="r" b="b"/>
              <a:pathLst>
                <a:path w="1131093" h="764381">
                  <a:moveTo>
                    <a:pt x="0" y="764381"/>
                  </a:moveTo>
                  <a:lnTo>
                    <a:pt x="57150" y="754856"/>
                  </a:lnTo>
                  <a:lnTo>
                    <a:pt x="1131093" y="404812"/>
                  </a:lnTo>
                  <a:lnTo>
                    <a:pt x="1100137" y="373856"/>
                  </a:lnTo>
                  <a:lnTo>
                    <a:pt x="1078706" y="388143"/>
                  </a:lnTo>
                  <a:lnTo>
                    <a:pt x="1050131" y="388143"/>
                  </a:lnTo>
                  <a:lnTo>
                    <a:pt x="1023937" y="369093"/>
                  </a:lnTo>
                  <a:lnTo>
                    <a:pt x="985837" y="371475"/>
                  </a:lnTo>
                  <a:lnTo>
                    <a:pt x="985837" y="371475"/>
                  </a:lnTo>
                  <a:lnTo>
                    <a:pt x="1012031" y="345281"/>
                  </a:lnTo>
                  <a:lnTo>
                    <a:pt x="1038225" y="354806"/>
                  </a:lnTo>
                  <a:lnTo>
                    <a:pt x="1062037" y="366712"/>
                  </a:lnTo>
                  <a:lnTo>
                    <a:pt x="1057275" y="345281"/>
                  </a:lnTo>
                  <a:lnTo>
                    <a:pt x="1040606" y="330993"/>
                  </a:lnTo>
                  <a:lnTo>
                    <a:pt x="1016793" y="330993"/>
                  </a:lnTo>
                  <a:lnTo>
                    <a:pt x="997743" y="300037"/>
                  </a:lnTo>
                  <a:lnTo>
                    <a:pt x="1026318" y="300037"/>
                  </a:lnTo>
                  <a:lnTo>
                    <a:pt x="1028700" y="280987"/>
                  </a:lnTo>
                  <a:lnTo>
                    <a:pt x="957262" y="233362"/>
                  </a:lnTo>
                  <a:lnTo>
                    <a:pt x="976312" y="216693"/>
                  </a:lnTo>
                  <a:lnTo>
                    <a:pt x="1016793" y="238125"/>
                  </a:lnTo>
                  <a:lnTo>
                    <a:pt x="1019175" y="207168"/>
                  </a:lnTo>
                  <a:lnTo>
                    <a:pt x="983456" y="169068"/>
                  </a:lnTo>
                  <a:lnTo>
                    <a:pt x="926306" y="171450"/>
                  </a:lnTo>
                  <a:lnTo>
                    <a:pt x="897731" y="147637"/>
                  </a:lnTo>
                  <a:lnTo>
                    <a:pt x="873918" y="150018"/>
                  </a:lnTo>
                  <a:lnTo>
                    <a:pt x="850106" y="138112"/>
                  </a:lnTo>
                  <a:lnTo>
                    <a:pt x="859631" y="73818"/>
                  </a:lnTo>
                  <a:lnTo>
                    <a:pt x="826293" y="42862"/>
                  </a:lnTo>
                  <a:lnTo>
                    <a:pt x="754856" y="0"/>
                  </a:lnTo>
                  <a:lnTo>
                    <a:pt x="728662" y="14287"/>
                  </a:lnTo>
                  <a:lnTo>
                    <a:pt x="721518" y="42862"/>
                  </a:lnTo>
                  <a:lnTo>
                    <a:pt x="714375" y="50006"/>
                  </a:lnTo>
                  <a:lnTo>
                    <a:pt x="666750" y="35718"/>
                  </a:lnTo>
                  <a:lnTo>
                    <a:pt x="645318" y="42862"/>
                  </a:lnTo>
                  <a:lnTo>
                    <a:pt x="647700" y="73818"/>
                  </a:lnTo>
                  <a:lnTo>
                    <a:pt x="566737" y="180975"/>
                  </a:lnTo>
                  <a:lnTo>
                    <a:pt x="559593" y="226218"/>
                  </a:lnTo>
                  <a:lnTo>
                    <a:pt x="500062" y="261937"/>
                  </a:lnTo>
                  <a:lnTo>
                    <a:pt x="466725" y="328612"/>
                  </a:lnTo>
                  <a:lnTo>
                    <a:pt x="450056" y="364331"/>
                  </a:lnTo>
                  <a:lnTo>
                    <a:pt x="435768" y="476250"/>
                  </a:lnTo>
                  <a:lnTo>
                    <a:pt x="433387" y="490537"/>
                  </a:lnTo>
                  <a:lnTo>
                    <a:pt x="381000" y="516731"/>
                  </a:lnTo>
                  <a:lnTo>
                    <a:pt x="326231" y="540543"/>
                  </a:lnTo>
                  <a:lnTo>
                    <a:pt x="297656" y="554831"/>
                  </a:lnTo>
                  <a:lnTo>
                    <a:pt x="285750" y="597693"/>
                  </a:lnTo>
                  <a:lnTo>
                    <a:pt x="242887" y="576262"/>
                  </a:lnTo>
                  <a:lnTo>
                    <a:pt x="226218" y="573881"/>
                  </a:lnTo>
                  <a:lnTo>
                    <a:pt x="176212" y="521493"/>
                  </a:lnTo>
                  <a:lnTo>
                    <a:pt x="159543" y="531018"/>
                  </a:lnTo>
                  <a:lnTo>
                    <a:pt x="157162" y="581025"/>
                  </a:lnTo>
                  <a:lnTo>
                    <a:pt x="100012" y="626268"/>
                  </a:lnTo>
                  <a:lnTo>
                    <a:pt x="85725" y="683418"/>
                  </a:lnTo>
                  <a:lnTo>
                    <a:pt x="0" y="764381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78" name="Freeform 77"/>
            <p:cNvSpPr/>
            <p:nvPr/>
          </p:nvSpPr>
          <p:spPr>
            <a:xfrm>
              <a:off x="7724776" y="2605088"/>
              <a:ext cx="50006" cy="109537"/>
            </a:xfrm>
            <a:custGeom>
              <a:avLst/>
              <a:gdLst>
                <a:gd name="connsiteX0" fmla="*/ 14288 w 40481"/>
                <a:gd name="connsiteY0" fmla="*/ 0 h 109537"/>
                <a:gd name="connsiteX1" fmla="*/ 4763 w 40481"/>
                <a:gd name="connsiteY1" fmla="*/ 57150 h 109537"/>
                <a:gd name="connsiteX2" fmla="*/ 0 w 40481"/>
                <a:gd name="connsiteY2" fmla="*/ 95250 h 109537"/>
                <a:gd name="connsiteX3" fmla="*/ 9525 w 40481"/>
                <a:gd name="connsiteY3" fmla="*/ 109537 h 109537"/>
                <a:gd name="connsiteX4" fmla="*/ 30956 w 40481"/>
                <a:gd name="connsiteY4" fmla="*/ 90487 h 109537"/>
                <a:gd name="connsiteX5" fmla="*/ 40481 w 40481"/>
                <a:gd name="connsiteY5" fmla="*/ 52387 h 109537"/>
                <a:gd name="connsiteX6" fmla="*/ 14288 w 40481"/>
                <a:gd name="connsiteY6" fmla="*/ 0 h 109537"/>
                <a:gd name="connsiteX0" fmla="*/ 14288 w 50006"/>
                <a:gd name="connsiteY0" fmla="*/ 0 h 109537"/>
                <a:gd name="connsiteX1" fmla="*/ 4763 w 50006"/>
                <a:gd name="connsiteY1" fmla="*/ 57150 h 109537"/>
                <a:gd name="connsiteX2" fmla="*/ 0 w 50006"/>
                <a:gd name="connsiteY2" fmla="*/ 95250 h 109537"/>
                <a:gd name="connsiteX3" fmla="*/ 9525 w 50006"/>
                <a:gd name="connsiteY3" fmla="*/ 109537 h 109537"/>
                <a:gd name="connsiteX4" fmla="*/ 30956 w 50006"/>
                <a:gd name="connsiteY4" fmla="*/ 90487 h 109537"/>
                <a:gd name="connsiteX5" fmla="*/ 50006 w 50006"/>
                <a:gd name="connsiteY5" fmla="*/ 33337 h 109537"/>
                <a:gd name="connsiteX6" fmla="*/ 14288 w 50006"/>
                <a:gd name="connsiteY6" fmla="*/ 0 h 109537"/>
                <a:gd name="connsiteX0" fmla="*/ 14288 w 50006"/>
                <a:gd name="connsiteY0" fmla="*/ 0 h 109537"/>
                <a:gd name="connsiteX1" fmla="*/ 4763 w 50006"/>
                <a:gd name="connsiteY1" fmla="*/ 57150 h 109537"/>
                <a:gd name="connsiteX2" fmla="*/ 0 w 50006"/>
                <a:gd name="connsiteY2" fmla="*/ 95250 h 109537"/>
                <a:gd name="connsiteX3" fmla="*/ 9525 w 50006"/>
                <a:gd name="connsiteY3" fmla="*/ 109537 h 109537"/>
                <a:gd name="connsiteX4" fmla="*/ 30956 w 50006"/>
                <a:gd name="connsiteY4" fmla="*/ 90487 h 109537"/>
                <a:gd name="connsiteX5" fmla="*/ 50006 w 50006"/>
                <a:gd name="connsiteY5" fmla="*/ 33337 h 109537"/>
                <a:gd name="connsiteX6" fmla="*/ 26193 w 50006"/>
                <a:gd name="connsiteY6" fmla="*/ 11906 h 109537"/>
                <a:gd name="connsiteX7" fmla="*/ 14288 w 50006"/>
                <a:gd name="connsiteY7" fmla="*/ 0 h 1095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50006" h="109537">
                  <a:moveTo>
                    <a:pt x="14288" y="0"/>
                  </a:moveTo>
                  <a:lnTo>
                    <a:pt x="4763" y="57150"/>
                  </a:lnTo>
                  <a:lnTo>
                    <a:pt x="0" y="95250"/>
                  </a:lnTo>
                  <a:lnTo>
                    <a:pt x="9525" y="109537"/>
                  </a:lnTo>
                  <a:lnTo>
                    <a:pt x="30956" y="90487"/>
                  </a:lnTo>
                  <a:lnTo>
                    <a:pt x="50006" y="33337"/>
                  </a:lnTo>
                  <a:lnTo>
                    <a:pt x="26193" y="11906"/>
                  </a:lnTo>
                  <a:lnTo>
                    <a:pt x="14288" y="0"/>
                  </a:lnTo>
                  <a:close/>
                </a:path>
              </a:pathLst>
            </a:custGeom>
            <a:grpFill/>
            <a:ln w="127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</p:grpSp>
      <p:sp>
        <p:nvSpPr>
          <p:cNvPr id="79" name="Freeform 78"/>
          <p:cNvSpPr/>
          <p:nvPr userDrawn="1"/>
        </p:nvSpPr>
        <p:spPr>
          <a:xfrm rot="171972">
            <a:off x="6318897" y="2641504"/>
            <a:ext cx="654050" cy="735012"/>
          </a:xfrm>
          <a:custGeom>
            <a:avLst/>
            <a:gdLst>
              <a:gd name="connsiteX0" fmla="*/ 0 w 652463"/>
              <a:gd name="connsiteY0" fmla="*/ 202406 h 735806"/>
              <a:gd name="connsiteX1" fmla="*/ 114300 w 652463"/>
              <a:gd name="connsiteY1" fmla="*/ 683419 h 735806"/>
              <a:gd name="connsiteX2" fmla="*/ 176213 w 652463"/>
              <a:gd name="connsiteY2" fmla="*/ 711994 h 735806"/>
              <a:gd name="connsiteX3" fmla="*/ 228600 w 652463"/>
              <a:gd name="connsiteY3" fmla="*/ 711994 h 735806"/>
              <a:gd name="connsiteX4" fmla="*/ 340519 w 652463"/>
              <a:gd name="connsiteY4" fmla="*/ 700087 h 735806"/>
              <a:gd name="connsiteX5" fmla="*/ 383382 w 652463"/>
              <a:gd name="connsiteY5" fmla="*/ 681037 h 735806"/>
              <a:gd name="connsiteX6" fmla="*/ 397669 w 652463"/>
              <a:gd name="connsiteY6" fmla="*/ 702469 h 735806"/>
              <a:gd name="connsiteX7" fmla="*/ 419100 w 652463"/>
              <a:gd name="connsiteY7" fmla="*/ 704850 h 735806"/>
              <a:gd name="connsiteX8" fmla="*/ 435769 w 652463"/>
              <a:gd name="connsiteY8" fmla="*/ 731044 h 735806"/>
              <a:gd name="connsiteX9" fmla="*/ 454819 w 652463"/>
              <a:gd name="connsiteY9" fmla="*/ 735806 h 735806"/>
              <a:gd name="connsiteX10" fmla="*/ 509588 w 652463"/>
              <a:gd name="connsiteY10" fmla="*/ 669131 h 735806"/>
              <a:gd name="connsiteX11" fmla="*/ 495300 w 652463"/>
              <a:gd name="connsiteY11" fmla="*/ 650081 h 735806"/>
              <a:gd name="connsiteX12" fmla="*/ 502444 w 652463"/>
              <a:gd name="connsiteY12" fmla="*/ 611981 h 735806"/>
              <a:gd name="connsiteX13" fmla="*/ 535782 w 652463"/>
              <a:gd name="connsiteY13" fmla="*/ 600075 h 735806"/>
              <a:gd name="connsiteX14" fmla="*/ 542925 w 652463"/>
              <a:gd name="connsiteY14" fmla="*/ 623887 h 735806"/>
              <a:gd name="connsiteX15" fmla="*/ 564357 w 652463"/>
              <a:gd name="connsiteY15" fmla="*/ 597694 h 735806"/>
              <a:gd name="connsiteX16" fmla="*/ 552450 w 652463"/>
              <a:gd name="connsiteY16" fmla="*/ 566737 h 735806"/>
              <a:gd name="connsiteX17" fmla="*/ 538163 w 652463"/>
              <a:gd name="connsiteY17" fmla="*/ 545306 h 735806"/>
              <a:gd name="connsiteX18" fmla="*/ 564357 w 652463"/>
              <a:gd name="connsiteY18" fmla="*/ 526256 h 735806"/>
              <a:gd name="connsiteX19" fmla="*/ 621507 w 652463"/>
              <a:gd name="connsiteY19" fmla="*/ 464344 h 735806"/>
              <a:gd name="connsiteX20" fmla="*/ 652463 w 652463"/>
              <a:gd name="connsiteY20" fmla="*/ 404812 h 735806"/>
              <a:gd name="connsiteX21" fmla="*/ 650082 w 652463"/>
              <a:gd name="connsiteY21" fmla="*/ 228600 h 735806"/>
              <a:gd name="connsiteX22" fmla="*/ 581025 w 652463"/>
              <a:gd name="connsiteY22" fmla="*/ 0 h 735806"/>
              <a:gd name="connsiteX23" fmla="*/ 385763 w 652463"/>
              <a:gd name="connsiteY23" fmla="*/ 159544 h 735806"/>
              <a:gd name="connsiteX24" fmla="*/ 330994 w 652463"/>
              <a:gd name="connsiteY24" fmla="*/ 178594 h 735806"/>
              <a:gd name="connsiteX25" fmla="*/ 304800 w 652463"/>
              <a:gd name="connsiteY25" fmla="*/ 197644 h 735806"/>
              <a:gd name="connsiteX26" fmla="*/ 278607 w 652463"/>
              <a:gd name="connsiteY26" fmla="*/ 169069 h 735806"/>
              <a:gd name="connsiteX27" fmla="*/ 245269 w 652463"/>
              <a:gd name="connsiteY27" fmla="*/ 176212 h 735806"/>
              <a:gd name="connsiteX28" fmla="*/ 192882 w 652463"/>
              <a:gd name="connsiteY28" fmla="*/ 152400 h 735806"/>
              <a:gd name="connsiteX29" fmla="*/ 0 w 652463"/>
              <a:gd name="connsiteY29" fmla="*/ 202406 h 735806"/>
              <a:gd name="connsiteX0" fmla="*/ 0 w 652463"/>
              <a:gd name="connsiteY0" fmla="*/ 202406 h 735806"/>
              <a:gd name="connsiteX1" fmla="*/ 114300 w 652463"/>
              <a:gd name="connsiteY1" fmla="*/ 683419 h 735806"/>
              <a:gd name="connsiteX2" fmla="*/ 176213 w 652463"/>
              <a:gd name="connsiteY2" fmla="*/ 711994 h 735806"/>
              <a:gd name="connsiteX3" fmla="*/ 228600 w 652463"/>
              <a:gd name="connsiteY3" fmla="*/ 711994 h 735806"/>
              <a:gd name="connsiteX4" fmla="*/ 340519 w 652463"/>
              <a:gd name="connsiteY4" fmla="*/ 700087 h 735806"/>
              <a:gd name="connsiteX5" fmla="*/ 383382 w 652463"/>
              <a:gd name="connsiteY5" fmla="*/ 681037 h 735806"/>
              <a:gd name="connsiteX6" fmla="*/ 397669 w 652463"/>
              <a:gd name="connsiteY6" fmla="*/ 702469 h 735806"/>
              <a:gd name="connsiteX7" fmla="*/ 419100 w 652463"/>
              <a:gd name="connsiteY7" fmla="*/ 704850 h 735806"/>
              <a:gd name="connsiteX8" fmla="*/ 435769 w 652463"/>
              <a:gd name="connsiteY8" fmla="*/ 731044 h 735806"/>
              <a:gd name="connsiteX9" fmla="*/ 454819 w 652463"/>
              <a:gd name="connsiteY9" fmla="*/ 735806 h 735806"/>
              <a:gd name="connsiteX10" fmla="*/ 509588 w 652463"/>
              <a:gd name="connsiteY10" fmla="*/ 669131 h 735806"/>
              <a:gd name="connsiteX11" fmla="*/ 495300 w 652463"/>
              <a:gd name="connsiteY11" fmla="*/ 650081 h 735806"/>
              <a:gd name="connsiteX12" fmla="*/ 502444 w 652463"/>
              <a:gd name="connsiteY12" fmla="*/ 611981 h 735806"/>
              <a:gd name="connsiteX13" fmla="*/ 535782 w 652463"/>
              <a:gd name="connsiteY13" fmla="*/ 600075 h 735806"/>
              <a:gd name="connsiteX14" fmla="*/ 542925 w 652463"/>
              <a:gd name="connsiteY14" fmla="*/ 623887 h 735806"/>
              <a:gd name="connsiteX15" fmla="*/ 564357 w 652463"/>
              <a:gd name="connsiteY15" fmla="*/ 597694 h 735806"/>
              <a:gd name="connsiteX16" fmla="*/ 552450 w 652463"/>
              <a:gd name="connsiteY16" fmla="*/ 566737 h 735806"/>
              <a:gd name="connsiteX17" fmla="*/ 538163 w 652463"/>
              <a:gd name="connsiteY17" fmla="*/ 545306 h 735806"/>
              <a:gd name="connsiteX18" fmla="*/ 564357 w 652463"/>
              <a:gd name="connsiteY18" fmla="*/ 526256 h 735806"/>
              <a:gd name="connsiteX19" fmla="*/ 628633 w 652463"/>
              <a:gd name="connsiteY19" fmla="*/ 492950 h 735806"/>
              <a:gd name="connsiteX20" fmla="*/ 652463 w 652463"/>
              <a:gd name="connsiteY20" fmla="*/ 404812 h 735806"/>
              <a:gd name="connsiteX21" fmla="*/ 650082 w 652463"/>
              <a:gd name="connsiteY21" fmla="*/ 228600 h 735806"/>
              <a:gd name="connsiteX22" fmla="*/ 581025 w 652463"/>
              <a:gd name="connsiteY22" fmla="*/ 0 h 735806"/>
              <a:gd name="connsiteX23" fmla="*/ 385763 w 652463"/>
              <a:gd name="connsiteY23" fmla="*/ 159544 h 735806"/>
              <a:gd name="connsiteX24" fmla="*/ 330994 w 652463"/>
              <a:gd name="connsiteY24" fmla="*/ 178594 h 735806"/>
              <a:gd name="connsiteX25" fmla="*/ 304800 w 652463"/>
              <a:gd name="connsiteY25" fmla="*/ 197644 h 735806"/>
              <a:gd name="connsiteX26" fmla="*/ 278607 w 652463"/>
              <a:gd name="connsiteY26" fmla="*/ 169069 h 735806"/>
              <a:gd name="connsiteX27" fmla="*/ 245269 w 652463"/>
              <a:gd name="connsiteY27" fmla="*/ 176212 h 735806"/>
              <a:gd name="connsiteX28" fmla="*/ 192882 w 652463"/>
              <a:gd name="connsiteY28" fmla="*/ 152400 h 735806"/>
              <a:gd name="connsiteX29" fmla="*/ 0 w 652463"/>
              <a:gd name="connsiteY29" fmla="*/ 202406 h 7358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</a:cxnLst>
            <a:rect l="l" t="t" r="r" b="b"/>
            <a:pathLst>
              <a:path w="652463" h="735806">
                <a:moveTo>
                  <a:pt x="0" y="202406"/>
                </a:moveTo>
                <a:lnTo>
                  <a:pt x="114300" y="683419"/>
                </a:lnTo>
                <a:lnTo>
                  <a:pt x="176213" y="711994"/>
                </a:lnTo>
                <a:lnTo>
                  <a:pt x="228600" y="711994"/>
                </a:lnTo>
                <a:lnTo>
                  <a:pt x="340519" y="700087"/>
                </a:lnTo>
                <a:lnTo>
                  <a:pt x="383382" y="681037"/>
                </a:lnTo>
                <a:lnTo>
                  <a:pt x="397669" y="702469"/>
                </a:lnTo>
                <a:lnTo>
                  <a:pt x="419100" y="704850"/>
                </a:lnTo>
                <a:lnTo>
                  <a:pt x="435769" y="731044"/>
                </a:lnTo>
                <a:lnTo>
                  <a:pt x="454819" y="735806"/>
                </a:lnTo>
                <a:lnTo>
                  <a:pt x="509588" y="669131"/>
                </a:lnTo>
                <a:lnTo>
                  <a:pt x="495300" y="650081"/>
                </a:lnTo>
                <a:lnTo>
                  <a:pt x="502444" y="611981"/>
                </a:lnTo>
                <a:lnTo>
                  <a:pt x="535782" y="600075"/>
                </a:lnTo>
                <a:lnTo>
                  <a:pt x="542925" y="623887"/>
                </a:lnTo>
                <a:lnTo>
                  <a:pt x="564357" y="597694"/>
                </a:lnTo>
                <a:lnTo>
                  <a:pt x="552450" y="566737"/>
                </a:lnTo>
                <a:lnTo>
                  <a:pt x="538163" y="545306"/>
                </a:lnTo>
                <a:lnTo>
                  <a:pt x="564357" y="526256"/>
                </a:lnTo>
                <a:lnTo>
                  <a:pt x="628633" y="492950"/>
                </a:lnTo>
                <a:cubicBezTo>
                  <a:pt x="638952" y="473106"/>
                  <a:pt x="642144" y="424656"/>
                  <a:pt x="652463" y="404812"/>
                </a:cubicBezTo>
                <a:cubicBezTo>
                  <a:pt x="651669" y="346075"/>
                  <a:pt x="650876" y="287337"/>
                  <a:pt x="650082" y="228600"/>
                </a:cubicBezTo>
                <a:lnTo>
                  <a:pt x="581025" y="0"/>
                </a:lnTo>
                <a:lnTo>
                  <a:pt x="385763" y="159544"/>
                </a:lnTo>
                <a:lnTo>
                  <a:pt x="330994" y="178594"/>
                </a:lnTo>
                <a:lnTo>
                  <a:pt x="304800" y="197644"/>
                </a:lnTo>
                <a:lnTo>
                  <a:pt x="278607" y="169069"/>
                </a:lnTo>
                <a:lnTo>
                  <a:pt x="245269" y="176212"/>
                </a:lnTo>
                <a:lnTo>
                  <a:pt x="192882" y="152400"/>
                </a:lnTo>
                <a:lnTo>
                  <a:pt x="0" y="202406"/>
                </a:lnTo>
                <a:close/>
              </a:path>
            </a:pathLst>
          </a:custGeom>
          <a:solidFill>
            <a:srgbClr val="A7A53D"/>
          </a:solidFill>
          <a:ln w="12700">
            <a:solidFill>
              <a:schemeClr val="bg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defPPr>
              <a:defRPr lang="en-GB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0000"/>
              </a:buClr>
              <a:buSzPct val="100000"/>
              <a:buFont typeface="Times New Roman" pitchFamily="16" charset="0"/>
              <a:buNone/>
              <a:defRPr/>
            </a:pPr>
            <a:endParaRPr lang="en-GB" dirty="0">
              <a:solidFill>
                <a:schemeClr val="bg1"/>
              </a:solidFill>
              <a:ea typeface="ＭＳ Ｐゴシック" charset="-128"/>
            </a:endParaRPr>
          </a:p>
        </p:txBody>
      </p:sp>
      <p:grpSp>
        <p:nvGrpSpPr>
          <p:cNvPr id="80" name="Group 126"/>
          <p:cNvGrpSpPr>
            <a:grpSpLocks/>
          </p:cNvGrpSpPr>
          <p:nvPr userDrawn="1"/>
        </p:nvGrpSpPr>
        <p:grpSpPr bwMode="auto">
          <a:xfrm rot="171972">
            <a:off x="572866" y="5336446"/>
            <a:ext cx="1374777" cy="793750"/>
            <a:chOff x="2217965" y="5874544"/>
            <a:chExt cx="1375341" cy="795337"/>
          </a:xfrm>
          <a:solidFill>
            <a:srgbClr val="2282AF"/>
          </a:solidFill>
        </p:grpSpPr>
        <p:sp>
          <p:nvSpPr>
            <p:cNvPr id="81" name="Freeform 80"/>
            <p:cNvSpPr/>
            <p:nvPr/>
          </p:nvSpPr>
          <p:spPr>
            <a:xfrm>
              <a:off x="3283616" y="6302435"/>
              <a:ext cx="309690" cy="367446"/>
            </a:xfrm>
            <a:custGeom>
              <a:avLst/>
              <a:gdLst>
                <a:gd name="connsiteX0" fmla="*/ 23812 w 309562"/>
                <a:gd name="connsiteY0" fmla="*/ 0 h 366712"/>
                <a:gd name="connsiteX1" fmla="*/ 50006 w 309562"/>
                <a:gd name="connsiteY1" fmla="*/ 73819 h 366712"/>
                <a:gd name="connsiteX2" fmla="*/ 14287 w 309562"/>
                <a:gd name="connsiteY2" fmla="*/ 126206 h 366712"/>
                <a:gd name="connsiteX3" fmla="*/ 0 w 309562"/>
                <a:gd name="connsiteY3" fmla="*/ 152400 h 366712"/>
                <a:gd name="connsiteX4" fmla="*/ 30956 w 309562"/>
                <a:gd name="connsiteY4" fmla="*/ 195262 h 366712"/>
                <a:gd name="connsiteX5" fmla="*/ 47625 w 309562"/>
                <a:gd name="connsiteY5" fmla="*/ 233362 h 366712"/>
                <a:gd name="connsiteX6" fmla="*/ 61912 w 309562"/>
                <a:gd name="connsiteY6" fmla="*/ 273844 h 366712"/>
                <a:gd name="connsiteX7" fmla="*/ 57150 w 309562"/>
                <a:gd name="connsiteY7" fmla="*/ 333375 h 366712"/>
                <a:gd name="connsiteX8" fmla="*/ 133350 w 309562"/>
                <a:gd name="connsiteY8" fmla="*/ 366712 h 366712"/>
                <a:gd name="connsiteX9" fmla="*/ 147637 w 309562"/>
                <a:gd name="connsiteY9" fmla="*/ 326231 h 366712"/>
                <a:gd name="connsiteX10" fmla="*/ 147637 w 309562"/>
                <a:gd name="connsiteY10" fmla="*/ 309562 h 366712"/>
                <a:gd name="connsiteX11" fmla="*/ 190500 w 309562"/>
                <a:gd name="connsiteY11" fmla="*/ 276225 h 366712"/>
                <a:gd name="connsiteX12" fmla="*/ 209550 w 309562"/>
                <a:gd name="connsiteY12" fmla="*/ 252412 h 366712"/>
                <a:gd name="connsiteX13" fmla="*/ 238125 w 309562"/>
                <a:gd name="connsiteY13" fmla="*/ 261937 h 366712"/>
                <a:gd name="connsiteX14" fmla="*/ 292894 w 309562"/>
                <a:gd name="connsiteY14" fmla="*/ 204787 h 366712"/>
                <a:gd name="connsiteX15" fmla="*/ 309562 w 309562"/>
                <a:gd name="connsiteY15" fmla="*/ 188119 h 366712"/>
                <a:gd name="connsiteX16" fmla="*/ 309562 w 309562"/>
                <a:gd name="connsiteY16" fmla="*/ 173831 h 366712"/>
                <a:gd name="connsiteX17" fmla="*/ 276225 w 309562"/>
                <a:gd name="connsiteY17" fmla="*/ 147637 h 366712"/>
                <a:gd name="connsiteX18" fmla="*/ 257175 w 309562"/>
                <a:gd name="connsiteY18" fmla="*/ 121444 h 366712"/>
                <a:gd name="connsiteX19" fmla="*/ 242887 w 309562"/>
                <a:gd name="connsiteY19" fmla="*/ 123825 h 366712"/>
                <a:gd name="connsiteX20" fmla="*/ 226219 w 309562"/>
                <a:gd name="connsiteY20" fmla="*/ 73819 h 366712"/>
                <a:gd name="connsiteX21" fmla="*/ 173831 w 309562"/>
                <a:gd name="connsiteY21" fmla="*/ 47625 h 366712"/>
                <a:gd name="connsiteX22" fmla="*/ 126206 w 309562"/>
                <a:gd name="connsiteY22" fmla="*/ 35719 h 366712"/>
                <a:gd name="connsiteX23" fmla="*/ 100012 w 309562"/>
                <a:gd name="connsiteY23" fmla="*/ 30956 h 366712"/>
                <a:gd name="connsiteX24" fmla="*/ 23812 w 309562"/>
                <a:gd name="connsiteY24" fmla="*/ 0 h 3667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309562" h="366712">
                  <a:moveTo>
                    <a:pt x="23812" y="0"/>
                  </a:moveTo>
                  <a:lnTo>
                    <a:pt x="50006" y="73819"/>
                  </a:lnTo>
                  <a:lnTo>
                    <a:pt x="14287" y="126206"/>
                  </a:lnTo>
                  <a:lnTo>
                    <a:pt x="0" y="152400"/>
                  </a:lnTo>
                  <a:lnTo>
                    <a:pt x="30956" y="195262"/>
                  </a:lnTo>
                  <a:lnTo>
                    <a:pt x="47625" y="233362"/>
                  </a:lnTo>
                  <a:lnTo>
                    <a:pt x="61912" y="273844"/>
                  </a:lnTo>
                  <a:lnTo>
                    <a:pt x="57150" y="333375"/>
                  </a:lnTo>
                  <a:lnTo>
                    <a:pt x="133350" y="366712"/>
                  </a:lnTo>
                  <a:lnTo>
                    <a:pt x="147637" y="326231"/>
                  </a:lnTo>
                  <a:lnTo>
                    <a:pt x="147637" y="309562"/>
                  </a:lnTo>
                  <a:lnTo>
                    <a:pt x="190500" y="276225"/>
                  </a:lnTo>
                  <a:lnTo>
                    <a:pt x="209550" y="252412"/>
                  </a:lnTo>
                  <a:lnTo>
                    <a:pt x="238125" y="261937"/>
                  </a:lnTo>
                  <a:lnTo>
                    <a:pt x="292894" y="204787"/>
                  </a:lnTo>
                  <a:lnTo>
                    <a:pt x="309562" y="188119"/>
                  </a:lnTo>
                  <a:lnTo>
                    <a:pt x="309562" y="173831"/>
                  </a:lnTo>
                  <a:lnTo>
                    <a:pt x="276225" y="147637"/>
                  </a:lnTo>
                  <a:lnTo>
                    <a:pt x="257175" y="121444"/>
                  </a:lnTo>
                  <a:lnTo>
                    <a:pt x="242887" y="123825"/>
                  </a:lnTo>
                  <a:lnTo>
                    <a:pt x="226219" y="73819"/>
                  </a:lnTo>
                  <a:lnTo>
                    <a:pt x="173831" y="47625"/>
                  </a:lnTo>
                  <a:lnTo>
                    <a:pt x="126206" y="35719"/>
                  </a:lnTo>
                  <a:lnTo>
                    <a:pt x="100012" y="30956"/>
                  </a:lnTo>
                  <a:lnTo>
                    <a:pt x="23812" y="0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2" name="Freeform 81"/>
            <p:cNvSpPr/>
            <p:nvPr/>
          </p:nvSpPr>
          <p:spPr>
            <a:xfrm>
              <a:off x="3097802" y="6127461"/>
              <a:ext cx="169932" cy="120891"/>
            </a:xfrm>
            <a:custGeom>
              <a:avLst/>
              <a:gdLst>
                <a:gd name="connsiteX0" fmla="*/ 78582 w 169069"/>
                <a:gd name="connsiteY0" fmla="*/ 121444 h 121444"/>
                <a:gd name="connsiteX1" fmla="*/ 54769 w 169069"/>
                <a:gd name="connsiteY1" fmla="*/ 61913 h 121444"/>
                <a:gd name="connsiteX2" fmla="*/ 23813 w 169069"/>
                <a:gd name="connsiteY2" fmla="*/ 61913 h 121444"/>
                <a:gd name="connsiteX3" fmla="*/ 0 w 169069"/>
                <a:gd name="connsiteY3" fmla="*/ 21432 h 121444"/>
                <a:gd name="connsiteX4" fmla="*/ 16669 w 169069"/>
                <a:gd name="connsiteY4" fmla="*/ 0 h 121444"/>
                <a:gd name="connsiteX5" fmla="*/ 57150 w 169069"/>
                <a:gd name="connsiteY5" fmla="*/ 23813 h 121444"/>
                <a:gd name="connsiteX6" fmla="*/ 102394 w 169069"/>
                <a:gd name="connsiteY6" fmla="*/ 14288 h 121444"/>
                <a:gd name="connsiteX7" fmla="*/ 123825 w 169069"/>
                <a:gd name="connsiteY7" fmla="*/ 28575 h 121444"/>
                <a:gd name="connsiteX8" fmla="*/ 169069 w 169069"/>
                <a:gd name="connsiteY8" fmla="*/ 47625 h 121444"/>
                <a:gd name="connsiteX9" fmla="*/ 169069 w 169069"/>
                <a:gd name="connsiteY9" fmla="*/ 71438 h 121444"/>
                <a:gd name="connsiteX10" fmla="*/ 142875 w 169069"/>
                <a:gd name="connsiteY10" fmla="*/ 95250 h 121444"/>
                <a:gd name="connsiteX11" fmla="*/ 78582 w 169069"/>
                <a:gd name="connsiteY11" fmla="*/ 121444 h 1214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69069" h="121444">
                  <a:moveTo>
                    <a:pt x="78582" y="121444"/>
                  </a:moveTo>
                  <a:lnTo>
                    <a:pt x="54769" y="61913"/>
                  </a:lnTo>
                  <a:lnTo>
                    <a:pt x="23813" y="61913"/>
                  </a:lnTo>
                  <a:lnTo>
                    <a:pt x="0" y="21432"/>
                  </a:lnTo>
                  <a:lnTo>
                    <a:pt x="16669" y="0"/>
                  </a:lnTo>
                  <a:lnTo>
                    <a:pt x="57150" y="23813"/>
                  </a:lnTo>
                  <a:lnTo>
                    <a:pt x="102394" y="14288"/>
                  </a:lnTo>
                  <a:lnTo>
                    <a:pt x="123825" y="28575"/>
                  </a:lnTo>
                  <a:lnTo>
                    <a:pt x="169069" y="47625"/>
                  </a:lnTo>
                  <a:lnTo>
                    <a:pt x="169069" y="71438"/>
                  </a:lnTo>
                  <a:lnTo>
                    <a:pt x="142875" y="95250"/>
                  </a:lnTo>
                  <a:lnTo>
                    <a:pt x="78582" y="121444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3" name="Freeform 82"/>
            <p:cNvSpPr/>
            <p:nvPr/>
          </p:nvSpPr>
          <p:spPr>
            <a:xfrm>
              <a:off x="2705528" y="5981119"/>
              <a:ext cx="139758" cy="127254"/>
            </a:xfrm>
            <a:custGeom>
              <a:avLst/>
              <a:gdLst>
                <a:gd name="connsiteX0" fmla="*/ 0 w 150019"/>
                <a:gd name="connsiteY0" fmla="*/ 47625 h 119063"/>
                <a:gd name="connsiteX1" fmla="*/ 52388 w 150019"/>
                <a:gd name="connsiteY1" fmla="*/ 119063 h 119063"/>
                <a:gd name="connsiteX2" fmla="*/ 92869 w 150019"/>
                <a:gd name="connsiteY2" fmla="*/ 102394 h 119063"/>
                <a:gd name="connsiteX3" fmla="*/ 138113 w 150019"/>
                <a:gd name="connsiteY3" fmla="*/ 111919 h 119063"/>
                <a:gd name="connsiteX4" fmla="*/ 147638 w 150019"/>
                <a:gd name="connsiteY4" fmla="*/ 104775 h 119063"/>
                <a:gd name="connsiteX5" fmla="*/ 150019 w 150019"/>
                <a:gd name="connsiteY5" fmla="*/ 88106 h 119063"/>
                <a:gd name="connsiteX6" fmla="*/ 116681 w 150019"/>
                <a:gd name="connsiteY6" fmla="*/ 66675 h 119063"/>
                <a:gd name="connsiteX7" fmla="*/ 100013 w 150019"/>
                <a:gd name="connsiteY7" fmla="*/ 33338 h 119063"/>
                <a:gd name="connsiteX8" fmla="*/ 66675 w 150019"/>
                <a:gd name="connsiteY8" fmla="*/ 0 h 119063"/>
                <a:gd name="connsiteX9" fmla="*/ 0 w 150019"/>
                <a:gd name="connsiteY9" fmla="*/ 47625 h 119063"/>
                <a:gd name="connsiteX0" fmla="*/ 0 w 150019"/>
                <a:gd name="connsiteY0" fmla="*/ 47625 h 119063"/>
                <a:gd name="connsiteX1" fmla="*/ 52388 w 150019"/>
                <a:gd name="connsiteY1" fmla="*/ 119063 h 119063"/>
                <a:gd name="connsiteX2" fmla="*/ 92869 w 150019"/>
                <a:gd name="connsiteY2" fmla="*/ 102394 h 119063"/>
                <a:gd name="connsiteX3" fmla="*/ 138113 w 150019"/>
                <a:gd name="connsiteY3" fmla="*/ 111919 h 119063"/>
                <a:gd name="connsiteX4" fmla="*/ 147638 w 150019"/>
                <a:gd name="connsiteY4" fmla="*/ 104775 h 119063"/>
                <a:gd name="connsiteX5" fmla="*/ 150019 w 150019"/>
                <a:gd name="connsiteY5" fmla="*/ 88106 h 119063"/>
                <a:gd name="connsiteX6" fmla="*/ 116681 w 150019"/>
                <a:gd name="connsiteY6" fmla="*/ 66675 h 119063"/>
                <a:gd name="connsiteX7" fmla="*/ 100013 w 150019"/>
                <a:gd name="connsiteY7" fmla="*/ 33338 h 119063"/>
                <a:gd name="connsiteX8" fmla="*/ 66675 w 150019"/>
                <a:gd name="connsiteY8" fmla="*/ 0 h 119063"/>
                <a:gd name="connsiteX9" fmla="*/ 30956 w 150019"/>
                <a:gd name="connsiteY9" fmla="*/ 23813 h 119063"/>
                <a:gd name="connsiteX10" fmla="*/ 0 w 150019"/>
                <a:gd name="connsiteY10" fmla="*/ 47625 h 119063"/>
                <a:gd name="connsiteX0" fmla="*/ 0 w 150019"/>
                <a:gd name="connsiteY0" fmla="*/ 47625 h 119063"/>
                <a:gd name="connsiteX1" fmla="*/ 52388 w 150019"/>
                <a:gd name="connsiteY1" fmla="*/ 119063 h 119063"/>
                <a:gd name="connsiteX2" fmla="*/ 92869 w 150019"/>
                <a:gd name="connsiteY2" fmla="*/ 102394 h 119063"/>
                <a:gd name="connsiteX3" fmla="*/ 138113 w 150019"/>
                <a:gd name="connsiteY3" fmla="*/ 111919 h 119063"/>
                <a:gd name="connsiteX4" fmla="*/ 147638 w 150019"/>
                <a:gd name="connsiteY4" fmla="*/ 104775 h 119063"/>
                <a:gd name="connsiteX5" fmla="*/ 150019 w 150019"/>
                <a:gd name="connsiteY5" fmla="*/ 88106 h 119063"/>
                <a:gd name="connsiteX6" fmla="*/ 116681 w 150019"/>
                <a:gd name="connsiteY6" fmla="*/ 66675 h 119063"/>
                <a:gd name="connsiteX7" fmla="*/ 100013 w 150019"/>
                <a:gd name="connsiteY7" fmla="*/ 33338 h 119063"/>
                <a:gd name="connsiteX8" fmla="*/ 66675 w 150019"/>
                <a:gd name="connsiteY8" fmla="*/ 0 h 119063"/>
                <a:gd name="connsiteX9" fmla="*/ 42862 w 150019"/>
                <a:gd name="connsiteY9" fmla="*/ 54769 h 119063"/>
                <a:gd name="connsiteX10" fmla="*/ 0 w 150019"/>
                <a:gd name="connsiteY10" fmla="*/ 47625 h 119063"/>
                <a:gd name="connsiteX0" fmla="*/ 0 w 142876"/>
                <a:gd name="connsiteY0" fmla="*/ 54769 h 119063"/>
                <a:gd name="connsiteX1" fmla="*/ 45245 w 142876"/>
                <a:gd name="connsiteY1" fmla="*/ 119063 h 119063"/>
                <a:gd name="connsiteX2" fmla="*/ 85726 w 142876"/>
                <a:gd name="connsiteY2" fmla="*/ 102394 h 119063"/>
                <a:gd name="connsiteX3" fmla="*/ 130970 w 142876"/>
                <a:gd name="connsiteY3" fmla="*/ 111919 h 119063"/>
                <a:gd name="connsiteX4" fmla="*/ 140495 w 142876"/>
                <a:gd name="connsiteY4" fmla="*/ 104775 h 119063"/>
                <a:gd name="connsiteX5" fmla="*/ 142876 w 142876"/>
                <a:gd name="connsiteY5" fmla="*/ 88106 h 119063"/>
                <a:gd name="connsiteX6" fmla="*/ 109538 w 142876"/>
                <a:gd name="connsiteY6" fmla="*/ 66675 h 119063"/>
                <a:gd name="connsiteX7" fmla="*/ 92870 w 142876"/>
                <a:gd name="connsiteY7" fmla="*/ 33338 h 119063"/>
                <a:gd name="connsiteX8" fmla="*/ 59532 w 142876"/>
                <a:gd name="connsiteY8" fmla="*/ 0 h 119063"/>
                <a:gd name="connsiteX9" fmla="*/ 35719 w 142876"/>
                <a:gd name="connsiteY9" fmla="*/ 54769 h 119063"/>
                <a:gd name="connsiteX10" fmla="*/ 0 w 142876"/>
                <a:gd name="connsiteY10" fmla="*/ 54769 h 119063"/>
                <a:gd name="connsiteX0" fmla="*/ 0 w 142876"/>
                <a:gd name="connsiteY0" fmla="*/ 54769 h 119063"/>
                <a:gd name="connsiteX1" fmla="*/ 45245 w 142876"/>
                <a:gd name="connsiteY1" fmla="*/ 119063 h 119063"/>
                <a:gd name="connsiteX2" fmla="*/ 85726 w 142876"/>
                <a:gd name="connsiteY2" fmla="*/ 102394 h 119063"/>
                <a:gd name="connsiteX3" fmla="*/ 130970 w 142876"/>
                <a:gd name="connsiteY3" fmla="*/ 111919 h 119063"/>
                <a:gd name="connsiteX4" fmla="*/ 140495 w 142876"/>
                <a:gd name="connsiteY4" fmla="*/ 104775 h 119063"/>
                <a:gd name="connsiteX5" fmla="*/ 142876 w 142876"/>
                <a:gd name="connsiteY5" fmla="*/ 88106 h 119063"/>
                <a:gd name="connsiteX6" fmla="*/ 109538 w 142876"/>
                <a:gd name="connsiteY6" fmla="*/ 66675 h 119063"/>
                <a:gd name="connsiteX7" fmla="*/ 92870 w 142876"/>
                <a:gd name="connsiteY7" fmla="*/ 33338 h 119063"/>
                <a:gd name="connsiteX8" fmla="*/ 59532 w 142876"/>
                <a:gd name="connsiteY8" fmla="*/ 0 h 119063"/>
                <a:gd name="connsiteX9" fmla="*/ 42863 w 142876"/>
                <a:gd name="connsiteY9" fmla="*/ 47625 h 119063"/>
                <a:gd name="connsiteX10" fmla="*/ 0 w 142876"/>
                <a:gd name="connsiteY10" fmla="*/ 54769 h 119063"/>
                <a:gd name="connsiteX0" fmla="*/ 0 w 140495"/>
                <a:gd name="connsiteY0" fmla="*/ 40482 h 119063"/>
                <a:gd name="connsiteX1" fmla="*/ 42864 w 140495"/>
                <a:gd name="connsiteY1" fmla="*/ 119063 h 119063"/>
                <a:gd name="connsiteX2" fmla="*/ 83345 w 140495"/>
                <a:gd name="connsiteY2" fmla="*/ 102394 h 119063"/>
                <a:gd name="connsiteX3" fmla="*/ 128589 w 140495"/>
                <a:gd name="connsiteY3" fmla="*/ 111919 h 119063"/>
                <a:gd name="connsiteX4" fmla="*/ 138114 w 140495"/>
                <a:gd name="connsiteY4" fmla="*/ 104775 h 119063"/>
                <a:gd name="connsiteX5" fmla="*/ 140495 w 140495"/>
                <a:gd name="connsiteY5" fmla="*/ 88106 h 119063"/>
                <a:gd name="connsiteX6" fmla="*/ 107157 w 140495"/>
                <a:gd name="connsiteY6" fmla="*/ 66675 h 119063"/>
                <a:gd name="connsiteX7" fmla="*/ 90489 w 140495"/>
                <a:gd name="connsiteY7" fmla="*/ 33338 h 119063"/>
                <a:gd name="connsiteX8" fmla="*/ 57151 w 140495"/>
                <a:gd name="connsiteY8" fmla="*/ 0 h 119063"/>
                <a:gd name="connsiteX9" fmla="*/ 40482 w 140495"/>
                <a:gd name="connsiteY9" fmla="*/ 47625 h 119063"/>
                <a:gd name="connsiteX10" fmla="*/ 0 w 140495"/>
                <a:gd name="connsiteY10" fmla="*/ 40482 h 119063"/>
                <a:gd name="connsiteX0" fmla="*/ 0 w 140495"/>
                <a:gd name="connsiteY0" fmla="*/ 40482 h 126206"/>
                <a:gd name="connsiteX1" fmla="*/ 42864 w 140495"/>
                <a:gd name="connsiteY1" fmla="*/ 119063 h 126206"/>
                <a:gd name="connsiteX2" fmla="*/ 83345 w 140495"/>
                <a:gd name="connsiteY2" fmla="*/ 126206 h 126206"/>
                <a:gd name="connsiteX3" fmla="*/ 128589 w 140495"/>
                <a:gd name="connsiteY3" fmla="*/ 111919 h 126206"/>
                <a:gd name="connsiteX4" fmla="*/ 138114 w 140495"/>
                <a:gd name="connsiteY4" fmla="*/ 104775 h 126206"/>
                <a:gd name="connsiteX5" fmla="*/ 140495 w 140495"/>
                <a:gd name="connsiteY5" fmla="*/ 88106 h 126206"/>
                <a:gd name="connsiteX6" fmla="*/ 107157 w 140495"/>
                <a:gd name="connsiteY6" fmla="*/ 66675 h 126206"/>
                <a:gd name="connsiteX7" fmla="*/ 90489 w 140495"/>
                <a:gd name="connsiteY7" fmla="*/ 33338 h 126206"/>
                <a:gd name="connsiteX8" fmla="*/ 57151 w 140495"/>
                <a:gd name="connsiteY8" fmla="*/ 0 h 126206"/>
                <a:gd name="connsiteX9" fmla="*/ 40482 w 140495"/>
                <a:gd name="connsiteY9" fmla="*/ 47625 h 126206"/>
                <a:gd name="connsiteX10" fmla="*/ 0 w 140495"/>
                <a:gd name="connsiteY10" fmla="*/ 40482 h 1262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40495" h="126206">
                  <a:moveTo>
                    <a:pt x="0" y="40482"/>
                  </a:moveTo>
                  <a:lnTo>
                    <a:pt x="42864" y="119063"/>
                  </a:lnTo>
                  <a:lnTo>
                    <a:pt x="83345" y="126206"/>
                  </a:lnTo>
                  <a:lnTo>
                    <a:pt x="128589" y="111919"/>
                  </a:lnTo>
                  <a:lnTo>
                    <a:pt x="138114" y="104775"/>
                  </a:lnTo>
                  <a:lnTo>
                    <a:pt x="140495" y="88106"/>
                  </a:lnTo>
                  <a:lnTo>
                    <a:pt x="107157" y="66675"/>
                  </a:lnTo>
                  <a:lnTo>
                    <a:pt x="90489" y="33338"/>
                  </a:lnTo>
                  <a:lnTo>
                    <a:pt x="57151" y="0"/>
                  </a:lnTo>
                  <a:lnTo>
                    <a:pt x="40482" y="47625"/>
                  </a:lnTo>
                  <a:lnTo>
                    <a:pt x="0" y="40482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4" name="Freeform 83"/>
            <p:cNvSpPr/>
            <p:nvPr/>
          </p:nvSpPr>
          <p:spPr>
            <a:xfrm>
              <a:off x="2325959" y="5874544"/>
              <a:ext cx="107994" cy="100212"/>
            </a:xfrm>
            <a:custGeom>
              <a:avLst/>
              <a:gdLst>
                <a:gd name="connsiteX0" fmla="*/ 0 w 107157"/>
                <a:gd name="connsiteY0" fmla="*/ 73819 h 100012"/>
                <a:gd name="connsiteX1" fmla="*/ 64294 w 107157"/>
                <a:gd name="connsiteY1" fmla="*/ 100012 h 100012"/>
                <a:gd name="connsiteX2" fmla="*/ 102394 w 107157"/>
                <a:gd name="connsiteY2" fmla="*/ 88106 h 100012"/>
                <a:gd name="connsiteX3" fmla="*/ 107157 w 107157"/>
                <a:gd name="connsiteY3" fmla="*/ 57150 h 100012"/>
                <a:gd name="connsiteX4" fmla="*/ 107157 w 107157"/>
                <a:gd name="connsiteY4" fmla="*/ 28575 h 100012"/>
                <a:gd name="connsiteX5" fmla="*/ 92869 w 107157"/>
                <a:gd name="connsiteY5" fmla="*/ 2381 h 100012"/>
                <a:gd name="connsiteX6" fmla="*/ 78582 w 107157"/>
                <a:gd name="connsiteY6" fmla="*/ 4762 h 100012"/>
                <a:gd name="connsiteX7" fmla="*/ 57150 w 107157"/>
                <a:gd name="connsiteY7" fmla="*/ 11906 h 100012"/>
                <a:gd name="connsiteX8" fmla="*/ 52388 w 107157"/>
                <a:gd name="connsiteY8" fmla="*/ 0 h 100012"/>
                <a:gd name="connsiteX9" fmla="*/ 16669 w 107157"/>
                <a:gd name="connsiteY9" fmla="*/ 23812 h 100012"/>
                <a:gd name="connsiteX10" fmla="*/ 0 w 107157"/>
                <a:gd name="connsiteY10" fmla="*/ 73819 h 1000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07157" h="100012">
                  <a:moveTo>
                    <a:pt x="0" y="73819"/>
                  </a:moveTo>
                  <a:lnTo>
                    <a:pt x="64294" y="100012"/>
                  </a:lnTo>
                  <a:lnTo>
                    <a:pt x="102394" y="88106"/>
                  </a:lnTo>
                  <a:lnTo>
                    <a:pt x="107157" y="57150"/>
                  </a:lnTo>
                  <a:lnTo>
                    <a:pt x="107157" y="28575"/>
                  </a:lnTo>
                  <a:lnTo>
                    <a:pt x="92869" y="2381"/>
                  </a:lnTo>
                  <a:lnTo>
                    <a:pt x="78582" y="4762"/>
                  </a:lnTo>
                  <a:lnTo>
                    <a:pt x="57150" y="11906"/>
                  </a:lnTo>
                  <a:lnTo>
                    <a:pt x="52388" y="0"/>
                  </a:lnTo>
                  <a:lnTo>
                    <a:pt x="16669" y="23812"/>
                  </a:lnTo>
                  <a:lnTo>
                    <a:pt x="0" y="73819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5" name="Freeform 84"/>
            <p:cNvSpPr/>
            <p:nvPr/>
          </p:nvSpPr>
          <p:spPr>
            <a:xfrm>
              <a:off x="2217965" y="5955668"/>
              <a:ext cx="44468" cy="73171"/>
            </a:xfrm>
            <a:custGeom>
              <a:avLst/>
              <a:gdLst>
                <a:gd name="connsiteX0" fmla="*/ 0 w 42863"/>
                <a:gd name="connsiteY0" fmla="*/ 26194 h 26194"/>
                <a:gd name="connsiteX1" fmla="*/ 42863 w 42863"/>
                <a:gd name="connsiteY1" fmla="*/ 0 h 26194"/>
                <a:gd name="connsiteX2" fmla="*/ 0 w 42863"/>
                <a:gd name="connsiteY2" fmla="*/ 26194 h 26194"/>
                <a:gd name="connsiteX0" fmla="*/ 603 w 43819"/>
                <a:gd name="connsiteY0" fmla="*/ 26585 h 48016"/>
                <a:gd name="connsiteX1" fmla="*/ 43466 w 43819"/>
                <a:gd name="connsiteY1" fmla="*/ 391 h 48016"/>
                <a:gd name="connsiteX2" fmla="*/ 19653 w 43819"/>
                <a:gd name="connsiteY2" fmla="*/ 48016 h 48016"/>
                <a:gd name="connsiteX3" fmla="*/ 603 w 43819"/>
                <a:gd name="connsiteY3" fmla="*/ 26585 h 48016"/>
                <a:gd name="connsiteX0" fmla="*/ 1361 w 44335"/>
                <a:gd name="connsiteY0" fmla="*/ 27889 h 75514"/>
                <a:gd name="connsiteX1" fmla="*/ 44224 w 44335"/>
                <a:gd name="connsiteY1" fmla="*/ 1695 h 75514"/>
                <a:gd name="connsiteX2" fmla="*/ 13267 w 44335"/>
                <a:gd name="connsiteY2" fmla="*/ 75514 h 75514"/>
                <a:gd name="connsiteX3" fmla="*/ 1361 w 44335"/>
                <a:gd name="connsiteY3" fmla="*/ 27889 h 75514"/>
                <a:gd name="connsiteX0" fmla="*/ 1361 w 45202"/>
                <a:gd name="connsiteY0" fmla="*/ 27889 h 75682"/>
                <a:gd name="connsiteX1" fmla="*/ 44224 w 45202"/>
                <a:gd name="connsiteY1" fmla="*/ 1695 h 75682"/>
                <a:gd name="connsiteX2" fmla="*/ 29936 w 45202"/>
                <a:gd name="connsiteY2" fmla="*/ 42177 h 75682"/>
                <a:gd name="connsiteX3" fmla="*/ 13267 w 45202"/>
                <a:gd name="connsiteY3" fmla="*/ 75514 h 75682"/>
                <a:gd name="connsiteX4" fmla="*/ 1361 w 45202"/>
                <a:gd name="connsiteY4" fmla="*/ 27889 h 75682"/>
                <a:gd name="connsiteX0" fmla="*/ 1361 w 44448"/>
                <a:gd name="connsiteY0" fmla="*/ 26261 h 74017"/>
                <a:gd name="connsiteX1" fmla="*/ 44224 w 44448"/>
                <a:gd name="connsiteY1" fmla="*/ 67 h 74017"/>
                <a:gd name="connsiteX2" fmla="*/ 18030 w 44448"/>
                <a:gd name="connsiteY2" fmla="*/ 33405 h 74017"/>
                <a:gd name="connsiteX3" fmla="*/ 13267 w 44448"/>
                <a:gd name="connsiteY3" fmla="*/ 73886 h 74017"/>
                <a:gd name="connsiteX4" fmla="*/ 1361 w 44448"/>
                <a:gd name="connsiteY4" fmla="*/ 26261 h 740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4448" h="74017">
                  <a:moveTo>
                    <a:pt x="1361" y="26261"/>
                  </a:moveTo>
                  <a:cubicBezTo>
                    <a:pt x="6520" y="13958"/>
                    <a:pt x="41446" y="-1124"/>
                    <a:pt x="44224" y="67"/>
                  </a:cubicBezTo>
                  <a:cubicBezTo>
                    <a:pt x="47002" y="1258"/>
                    <a:pt x="23189" y="21102"/>
                    <a:pt x="18030" y="33405"/>
                  </a:cubicBezTo>
                  <a:cubicBezTo>
                    <a:pt x="12871" y="45708"/>
                    <a:pt x="18029" y="76267"/>
                    <a:pt x="13267" y="73886"/>
                  </a:cubicBezTo>
                  <a:cubicBezTo>
                    <a:pt x="6917" y="66742"/>
                    <a:pt x="-3798" y="38564"/>
                    <a:pt x="1361" y="26261"/>
                  </a:cubicBez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6" name="Freeform 85"/>
            <p:cNvSpPr/>
            <p:nvPr/>
          </p:nvSpPr>
          <p:spPr>
            <a:xfrm>
              <a:off x="2934222" y="6076559"/>
              <a:ext cx="149286" cy="50902"/>
            </a:xfrm>
            <a:custGeom>
              <a:avLst/>
              <a:gdLst>
                <a:gd name="connsiteX0" fmla="*/ 0 w 133350"/>
                <a:gd name="connsiteY0" fmla="*/ 9525 h 47625"/>
                <a:gd name="connsiteX1" fmla="*/ 38100 w 133350"/>
                <a:gd name="connsiteY1" fmla="*/ 47625 h 47625"/>
                <a:gd name="connsiteX2" fmla="*/ 59531 w 133350"/>
                <a:gd name="connsiteY2" fmla="*/ 40481 h 47625"/>
                <a:gd name="connsiteX3" fmla="*/ 73819 w 133350"/>
                <a:gd name="connsiteY3" fmla="*/ 47625 h 47625"/>
                <a:gd name="connsiteX4" fmla="*/ 100012 w 133350"/>
                <a:gd name="connsiteY4" fmla="*/ 45244 h 47625"/>
                <a:gd name="connsiteX5" fmla="*/ 133350 w 133350"/>
                <a:gd name="connsiteY5" fmla="*/ 26194 h 47625"/>
                <a:gd name="connsiteX6" fmla="*/ 119062 w 133350"/>
                <a:gd name="connsiteY6" fmla="*/ 14288 h 47625"/>
                <a:gd name="connsiteX7" fmla="*/ 83344 w 133350"/>
                <a:gd name="connsiteY7" fmla="*/ 21431 h 47625"/>
                <a:gd name="connsiteX8" fmla="*/ 64294 w 133350"/>
                <a:gd name="connsiteY8" fmla="*/ 0 h 47625"/>
                <a:gd name="connsiteX9" fmla="*/ 57150 w 133350"/>
                <a:gd name="connsiteY9" fmla="*/ 19050 h 47625"/>
                <a:gd name="connsiteX10" fmla="*/ 0 w 133350"/>
                <a:gd name="connsiteY10" fmla="*/ 9525 h 47625"/>
                <a:gd name="connsiteX0" fmla="*/ 0 w 133350"/>
                <a:gd name="connsiteY0" fmla="*/ 9525 h 47625"/>
                <a:gd name="connsiteX1" fmla="*/ 21431 w 133350"/>
                <a:gd name="connsiteY1" fmla="*/ 30956 h 47625"/>
                <a:gd name="connsiteX2" fmla="*/ 38100 w 133350"/>
                <a:gd name="connsiteY2" fmla="*/ 47625 h 47625"/>
                <a:gd name="connsiteX3" fmla="*/ 59531 w 133350"/>
                <a:gd name="connsiteY3" fmla="*/ 40481 h 47625"/>
                <a:gd name="connsiteX4" fmla="*/ 73819 w 133350"/>
                <a:gd name="connsiteY4" fmla="*/ 47625 h 47625"/>
                <a:gd name="connsiteX5" fmla="*/ 100012 w 133350"/>
                <a:gd name="connsiteY5" fmla="*/ 45244 h 47625"/>
                <a:gd name="connsiteX6" fmla="*/ 133350 w 133350"/>
                <a:gd name="connsiteY6" fmla="*/ 26194 h 47625"/>
                <a:gd name="connsiteX7" fmla="*/ 119062 w 133350"/>
                <a:gd name="connsiteY7" fmla="*/ 14288 h 47625"/>
                <a:gd name="connsiteX8" fmla="*/ 83344 w 133350"/>
                <a:gd name="connsiteY8" fmla="*/ 21431 h 47625"/>
                <a:gd name="connsiteX9" fmla="*/ 64294 w 133350"/>
                <a:gd name="connsiteY9" fmla="*/ 0 h 47625"/>
                <a:gd name="connsiteX10" fmla="*/ 57150 w 133350"/>
                <a:gd name="connsiteY10" fmla="*/ 19050 h 47625"/>
                <a:gd name="connsiteX11" fmla="*/ 0 w 133350"/>
                <a:gd name="connsiteY11" fmla="*/ 9525 h 47625"/>
                <a:gd name="connsiteX0" fmla="*/ 16669 w 150019"/>
                <a:gd name="connsiteY0" fmla="*/ 9525 h 50006"/>
                <a:gd name="connsiteX1" fmla="*/ 0 w 150019"/>
                <a:gd name="connsiteY1" fmla="*/ 50006 h 50006"/>
                <a:gd name="connsiteX2" fmla="*/ 54769 w 150019"/>
                <a:gd name="connsiteY2" fmla="*/ 47625 h 50006"/>
                <a:gd name="connsiteX3" fmla="*/ 76200 w 150019"/>
                <a:gd name="connsiteY3" fmla="*/ 40481 h 50006"/>
                <a:gd name="connsiteX4" fmla="*/ 90488 w 150019"/>
                <a:gd name="connsiteY4" fmla="*/ 47625 h 50006"/>
                <a:gd name="connsiteX5" fmla="*/ 116681 w 150019"/>
                <a:gd name="connsiteY5" fmla="*/ 45244 h 50006"/>
                <a:gd name="connsiteX6" fmla="*/ 150019 w 150019"/>
                <a:gd name="connsiteY6" fmla="*/ 26194 h 50006"/>
                <a:gd name="connsiteX7" fmla="*/ 135731 w 150019"/>
                <a:gd name="connsiteY7" fmla="*/ 14288 h 50006"/>
                <a:gd name="connsiteX8" fmla="*/ 100013 w 150019"/>
                <a:gd name="connsiteY8" fmla="*/ 21431 h 50006"/>
                <a:gd name="connsiteX9" fmla="*/ 80963 w 150019"/>
                <a:gd name="connsiteY9" fmla="*/ 0 h 50006"/>
                <a:gd name="connsiteX10" fmla="*/ 73819 w 150019"/>
                <a:gd name="connsiteY10" fmla="*/ 19050 h 50006"/>
                <a:gd name="connsiteX11" fmla="*/ 16669 w 150019"/>
                <a:gd name="connsiteY11" fmla="*/ 9525 h 500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50019" h="50006">
                  <a:moveTo>
                    <a:pt x="16669" y="9525"/>
                  </a:moveTo>
                  <a:lnTo>
                    <a:pt x="0" y="50006"/>
                  </a:lnTo>
                  <a:lnTo>
                    <a:pt x="54769" y="47625"/>
                  </a:lnTo>
                  <a:lnTo>
                    <a:pt x="76200" y="40481"/>
                  </a:lnTo>
                  <a:lnTo>
                    <a:pt x="90488" y="47625"/>
                  </a:lnTo>
                  <a:lnTo>
                    <a:pt x="116681" y="45244"/>
                  </a:lnTo>
                  <a:lnTo>
                    <a:pt x="150019" y="26194"/>
                  </a:lnTo>
                  <a:lnTo>
                    <a:pt x="135731" y="14288"/>
                  </a:lnTo>
                  <a:lnTo>
                    <a:pt x="100013" y="21431"/>
                  </a:lnTo>
                  <a:lnTo>
                    <a:pt x="80963" y="0"/>
                  </a:lnTo>
                  <a:lnTo>
                    <a:pt x="73819" y="19050"/>
                  </a:lnTo>
                  <a:lnTo>
                    <a:pt x="16669" y="9525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7" name="Freeform 86"/>
            <p:cNvSpPr/>
            <p:nvPr/>
          </p:nvSpPr>
          <p:spPr>
            <a:xfrm>
              <a:off x="3007277" y="6160865"/>
              <a:ext cx="65115" cy="57264"/>
            </a:xfrm>
            <a:custGeom>
              <a:avLst/>
              <a:gdLst>
                <a:gd name="connsiteX0" fmla="*/ 0 w 64294"/>
                <a:gd name="connsiteY0" fmla="*/ 0 h 52388"/>
                <a:gd name="connsiteX1" fmla="*/ 21431 w 64294"/>
                <a:gd name="connsiteY1" fmla="*/ 52388 h 52388"/>
                <a:gd name="connsiteX2" fmla="*/ 42862 w 64294"/>
                <a:gd name="connsiteY2" fmla="*/ 50007 h 52388"/>
                <a:gd name="connsiteX3" fmla="*/ 64294 w 64294"/>
                <a:gd name="connsiteY3" fmla="*/ 28575 h 52388"/>
                <a:gd name="connsiteX4" fmla="*/ 0 w 64294"/>
                <a:gd name="connsiteY4" fmla="*/ 0 h 52388"/>
                <a:gd name="connsiteX0" fmla="*/ 0 w 64294"/>
                <a:gd name="connsiteY0" fmla="*/ 0 h 52388"/>
                <a:gd name="connsiteX1" fmla="*/ 21431 w 64294"/>
                <a:gd name="connsiteY1" fmla="*/ 52388 h 52388"/>
                <a:gd name="connsiteX2" fmla="*/ 42862 w 64294"/>
                <a:gd name="connsiteY2" fmla="*/ 50007 h 52388"/>
                <a:gd name="connsiteX3" fmla="*/ 64294 w 64294"/>
                <a:gd name="connsiteY3" fmla="*/ 28575 h 52388"/>
                <a:gd name="connsiteX4" fmla="*/ 26194 w 64294"/>
                <a:gd name="connsiteY4" fmla="*/ 9525 h 52388"/>
                <a:gd name="connsiteX5" fmla="*/ 0 w 64294"/>
                <a:gd name="connsiteY5" fmla="*/ 0 h 52388"/>
                <a:gd name="connsiteX0" fmla="*/ 0 w 64294"/>
                <a:gd name="connsiteY0" fmla="*/ 4762 h 57150"/>
                <a:gd name="connsiteX1" fmla="*/ 21431 w 64294"/>
                <a:gd name="connsiteY1" fmla="*/ 57150 h 57150"/>
                <a:gd name="connsiteX2" fmla="*/ 42862 w 64294"/>
                <a:gd name="connsiteY2" fmla="*/ 54769 h 57150"/>
                <a:gd name="connsiteX3" fmla="*/ 64294 w 64294"/>
                <a:gd name="connsiteY3" fmla="*/ 33337 h 57150"/>
                <a:gd name="connsiteX4" fmla="*/ 28576 w 64294"/>
                <a:gd name="connsiteY4" fmla="*/ 0 h 57150"/>
                <a:gd name="connsiteX5" fmla="*/ 0 w 64294"/>
                <a:gd name="connsiteY5" fmla="*/ 4762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4294" h="57150">
                  <a:moveTo>
                    <a:pt x="0" y="4762"/>
                  </a:moveTo>
                  <a:lnTo>
                    <a:pt x="21431" y="57150"/>
                  </a:lnTo>
                  <a:lnTo>
                    <a:pt x="42862" y="54769"/>
                  </a:lnTo>
                  <a:lnTo>
                    <a:pt x="64294" y="33337"/>
                  </a:lnTo>
                  <a:lnTo>
                    <a:pt x="28576" y="0"/>
                  </a:lnTo>
                  <a:lnTo>
                    <a:pt x="0" y="4762"/>
                  </a:ln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  <p:sp>
          <p:nvSpPr>
            <p:cNvPr id="88" name="Freeform 87"/>
            <p:cNvSpPr/>
            <p:nvPr/>
          </p:nvSpPr>
          <p:spPr>
            <a:xfrm>
              <a:off x="3107331" y="6235626"/>
              <a:ext cx="38116" cy="31813"/>
            </a:xfrm>
            <a:custGeom>
              <a:avLst/>
              <a:gdLst>
                <a:gd name="connsiteX0" fmla="*/ 0 w 9525"/>
                <a:gd name="connsiteY0" fmla="*/ 0 h 23813"/>
                <a:gd name="connsiteX1" fmla="*/ 9525 w 9525"/>
                <a:gd name="connsiteY1" fmla="*/ 23813 h 23813"/>
                <a:gd name="connsiteX2" fmla="*/ 0 w 9525"/>
                <a:gd name="connsiteY2" fmla="*/ 0 h 23813"/>
                <a:gd name="connsiteX0" fmla="*/ 414 w 10422"/>
                <a:gd name="connsiteY0" fmla="*/ 0 h 11276"/>
                <a:gd name="connsiteX1" fmla="*/ 10414 w 10422"/>
                <a:gd name="connsiteY1" fmla="*/ 10000 h 11276"/>
                <a:gd name="connsiteX2" fmla="*/ 2080 w 10422"/>
                <a:gd name="connsiteY2" fmla="*/ 10000 h 11276"/>
                <a:gd name="connsiteX3" fmla="*/ 414 w 10422"/>
                <a:gd name="connsiteY3" fmla="*/ 0 h 11276"/>
                <a:gd name="connsiteX0" fmla="*/ 4640 w 8508"/>
                <a:gd name="connsiteY0" fmla="*/ 0 h 6867"/>
                <a:gd name="connsiteX1" fmla="*/ 8390 w 8508"/>
                <a:gd name="connsiteY1" fmla="*/ 5833 h 6867"/>
                <a:gd name="connsiteX2" fmla="*/ 56 w 8508"/>
                <a:gd name="connsiteY2" fmla="*/ 5833 h 6867"/>
                <a:gd name="connsiteX3" fmla="*/ 4640 w 8508"/>
                <a:gd name="connsiteY3" fmla="*/ 0 h 68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508" h="6867">
                  <a:moveTo>
                    <a:pt x="4640" y="0"/>
                  </a:moveTo>
                  <a:cubicBezTo>
                    <a:pt x="6029" y="0"/>
                    <a:pt x="9154" y="4861"/>
                    <a:pt x="8390" y="5833"/>
                  </a:cubicBezTo>
                  <a:cubicBezTo>
                    <a:pt x="7626" y="6805"/>
                    <a:pt x="2139" y="7569"/>
                    <a:pt x="56" y="5833"/>
                  </a:cubicBezTo>
                  <a:cubicBezTo>
                    <a:pt x="-499" y="2500"/>
                    <a:pt x="3251" y="0"/>
                    <a:pt x="4640" y="0"/>
                  </a:cubicBezTo>
                  <a:close/>
                </a:path>
              </a:pathLst>
            </a:custGeom>
            <a:grpFill/>
            <a:ln w="12700">
              <a:noFill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/>
            <a:lstStyle>
              <a:defPPr>
                <a:defRPr lang="en-GB"/>
              </a:defPPr>
              <a:lvl1pPr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457200" rtl="0" eaLnBrk="0" fontAlgn="base" hangingPunct="0">
                <a:spcBef>
                  <a:spcPct val="0"/>
                </a:spcBef>
                <a:spcAft>
                  <a:spcPct val="0"/>
                </a:spcAft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2400" kern="1200">
                  <a:solidFill>
                    <a:schemeClr val="dk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buClr>
                  <a:srgbClr val="000000"/>
                </a:buClr>
                <a:buSzPct val="100000"/>
                <a:buFont typeface="Times New Roman" pitchFamily="16" charset="0"/>
                <a:buNone/>
                <a:defRPr/>
              </a:pPr>
              <a:endParaRPr lang="en-GB" dirty="0">
                <a:solidFill>
                  <a:schemeClr val="bg1"/>
                </a:solidFill>
                <a:ea typeface="ＭＳ Ｐゴシック" charset="-128"/>
              </a:endParaRPr>
            </a:p>
          </p:txBody>
        </p:sp>
      </p:grpSp>
      <p:sp>
        <p:nvSpPr>
          <p:cNvPr id="89" name="Oval 88"/>
          <p:cNvSpPr/>
          <p:nvPr userDrawn="1"/>
        </p:nvSpPr>
        <p:spPr>
          <a:xfrm>
            <a:off x="1114813" y="5473817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0" name="Oval 89"/>
          <p:cNvSpPr/>
          <p:nvPr userDrawn="1"/>
        </p:nvSpPr>
        <p:spPr>
          <a:xfrm>
            <a:off x="4166840" y="5291921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1" name="Oval 90"/>
          <p:cNvSpPr/>
          <p:nvPr userDrawn="1"/>
        </p:nvSpPr>
        <p:spPr>
          <a:xfrm>
            <a:off x="671587" y="313664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2" name="Oval 91"/>
          <p:cNvSpPr/>
          <p:nvPr userDrawn="1"/>
        </p:nvSpPr>
        <p:spPr>
          <a:xfrm>
            <a:off x="671587" y="298424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3" name="Oval 92"/>
          <p:cNvSpPr/>
          <p:nvPr userDrawn="1"/>
        </p:nvSpPr>
        <p:spPr>
          <a:xfrm>
            <a:off x="1087942" y="1734103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4" name="Oval 93"/>
          <p:cNvSpPr/>
          <p:nvPr userDrawn="1"/>
        </p:nvSpPr>
        <p:spPr>
          <a:xfrm>
            <a:off x="1282422" y="1217646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5" name="Oval 94"/>
          <p:cNvSpPr/>
          <p:nvPr userDrawn="1"/>
        </p:nvSpPr>
        <p:spPr>
          <a:xfrm>
            <a:off x="1164142" y="1279062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6" name="Oval 95"/>
          <p:cNvSpPr/>
          <p:nvPr userDrawn="1"/>
        </p:nvSpPr>
        <p:spPr>
          <a:xfrm>
            <a:off x="3260943" y="3426807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7" name="Oval 96"/>
          <p:cNvSpPr/>
          <p:nvPr userDrawn="1"/>
        </p:nvSpPr>
        <p:spPr>
          <a:xfrm>
            <a:off x="2328371" y="2882585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8" name="Oval 97"/>
          <p:cNvSpPr/>
          <p:nvPr userDrawn="1"/>
        </p:nvSpPr>
        <p:spPr>
          <a:xfrm>
            <a:off x="7739045" y="303805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99" name="Oval 98"/>
          <p:cNvSpPr/>
          <p:nvPr userDrawn="1"/>
        </p:nvSpPr>
        <p:spPr>
          <a:xfrm>
            <a:off x="7510445" y="293645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0" name="Oval 99"/>
          <p:cNvSpPr/>
          <p:nvPr userDrawn="1"/>
        </p:nvSpPr>
        <p:spPr>
          <a:xfrm>
            <a:off x="7726345" y="271420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1" name="Oval 100"/>
          <p:cNvSpPr/>
          <p:nvPr userDrawn="1"/>
        </p:nvSpPr>
        <p:spPr>
          <a:xfrm>
            <a:off x="7821595" y="249195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2" name="Oval 101"/>
          <p:cNvSpPr/>
          <p:nvPr userDrawn="1"/>
        </p:nvSpPr>
        <p:spPr>
          <a:xfrm>
            <a:off x="7408845" y="216175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3" name="Oval 102"/>
          <p:cNvSpPr/>
          <p:nvPr userDrawn="1"/>
        </p:nvSpPr>
        <p:spPr>
          <a:xfrm>
            <a:off x="8128671" y="2136832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4" name="Oval 103"/>
          <p:cNvSpPr/>
          <p:nvPr userDrawn="1"/>
        </p:nvSpPr>
        <p:spPr>
          <a:xfrm>
            <a:off x="8187619" y="1881876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05" name="TextBox 104"/>
          <p:cNvSpPr txBox="1"/>
          <p:nvPr userDrawn="1"/>
        </p:nvSpPr>
        <p:spPr bwMode="auto">
          <a:xfrm>
            <a:off x="1339849" y="1054773"/>
            <a:ext cx="771365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eattle</a:t>
            </a:r>
          </a:p>
        </p:txBody>
      </p:sp>
      <p:sp>
        <p:nvSpPr>
          <p:cNvPr id="106" name="TextBox 105"/>
          <p:cNvSpPr txBox="1"/>
          <p:nvPr userDrawn="1"/>
        </p:nvSpPr>
        <p:spPr bwMode="auto">
          <a:xfrm>
            <a:off x="1113907" y="1726251"/>
            <a:ext cx="88960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Portland</a:t>
            </a:r>
          </a:p>
        </p:txBody>
      </p:sp>
      <p:sp>
        <p:nvSpPr>
          <p:cNvPr id="107" name="TextBox 106"/>
          <p:cNvSpPr txBox="1"/>
          <p:nvPr userDrawn="1"/>
        </p:nvSpPr>
        <p:spPr bwMode="auto">
          <a:xfrm>
            <a:off x="7372418" y="1656703"/>
            <a:ext cx="88960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Portland</a:t>
            </a:r>
          </a:p>
        </p:txBody>
      </p:sp>
      <p:sp>
        <p:nvSpPr>
          <p:cNvPr id="108" name="TextBox 107"/>
          <p:cNvSpPr txBox="1"/>
          <p:nvPr userDrawn="1"/>
        </p:nvSpPr>
        <p:spPr bwMode="auto">
          <a:xfrm>
            <a:off x="6557738" y="1989293"/>
            <a:ext cx="916405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yracuse</a:t>
            </a:r>
          </a:p>
        </p:txBody>
      </p:sp>
      <p:sp>
        <p:nvSpPr>
          <p:cNvPr id="109" name="TextBox 108"/>
          <p:cNvSpPr txBox="1"/>
          <p:nvPr userDrawn="1"/>
        </p:nvSpPr>
        <p:spPr bwMode="auto">
          <a:xfrm>
            <a:off x="3293293" y="3257343"/>
            <a:ext cx="107433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Denver (2)</a:t>
            </a:r>
          </a:p>
        </p:txBody>
      </p:sp>
      <p:sp>
        <p:nvSpPr>
          <p:cNvPr id="110" name="TextBox 109"/>
          <p:cNvSpPr txBox="1"/>
          <p:nvPr userDrawn="1"/>
        </p:nvSpPr>
        <p:spPr bwMode="auto">
          <a:xfrm>
            <a:off x="2375953" y="2685641"/>
            <a:ext cx="1330814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alt Lake City</a:t>
            </a:r>
          </a:p>
        </p:txBody>
      </p:sp>
      <p:sp>
        <p:nvSpPr>
          <p:cNvPr id="111" name="TextBox 110"/>
          <p:cNvSpPr txBox="1"/>
          <p:nvPr userDrawn="1"/>
        </p:nvSpPr>
        <p:spPr bwMode="auto">
          <a:xfrm>
            <a:off x="697988" y="2712370"/>
            <a:ext cx="1615314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an Francisco (3)</a:t>
            </a:r>
          </a:p>
        </p:txBody>
      </p:sp>
      <p:sp>
        <p:nvSpPr>
          <p:cNvPr id="112" name="TextBox 111"/>
          <p:cNvSpPr txBox="1"/>
          <p:nvPr userDrawn="1"/>
        </p:nvSpPr>
        <p:spPr bwMode="auto">
          <a:xfrm>
            <a:off x="710350" y="3008544"/>
            <a:ext cx="1087157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anta Cruz</a:t>
            </a:r>
          </a:p>
        </p:txBody>
      </p:sp>
      <p:sp>
        <p:nvSpPr>
          <p:cNvPr id="113" name="TextBox 112"/>
          <p:cNvSpPr txBox="1"/>
          <p:nvPr userDrawn="1"/>
        </p:nvSpPr>
        <p:spPr bwMode="auto">
          <a:xfrm>
            <a:off x="1148352" y="1339965"/>
            <a:ext cx="867545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Olympia</a:t>
            </a:r>
          </a:p>
        </p:txBody>
      </p:sp>
      <p:sp>
        <p:nvSpPr>
          <p:cNvPr id="114" name="TextBox 113"/>
          <p:cNvSpPr txBox="1"/>
          <p:nvPr userDrawn="1"/>
        </p:nvSpPr>
        <p:spPr bwMode="auto">
          <a:xfrm>
            <a:off x="4251611" y="5059607"/>
            <a:ext cx="117346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San Antonio</a:t>
            </a:r>
          </a:p>
        </p:txBody>
      </p:sp>
      <p:sp>
        <p:nvSpPr>
          <p:cNvPr id="115" name="TextBox 114"/>
          <p:cNvSpPr txBox="1"/>
          <p:nvPr userDrawn="1"/>
        </p:nvSpPr>
        <p:spPr bwMode="auto">
          <a:xfrm>
            <a:off x="6586151" y="2877815"/>
            <a:ext cx="99418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Annapolis</a:t>
            </a:r>
          </a:p>
        </p:txBody>
      </p:sp>
      <p:sp>
        <p:nvSpPr>
          <p:cNvPr id="116" name="TextBox 115"/>
          <p:cNvSpPr txBox="1"/>
          <p:nvPr userDrawn="1"/>
        </p:nvSpPr>
        <p:spPr bwMode="auto">
          <a:xfrm>
            <a:off x="7756183" y="3003431"/>
            <a:ext cx="683200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Berlin</a:t>
            </a:r>
          </a:p>
        </p:txBody>
      </p:sp>
      <p:sp>
        <p:nvSpPr>
          <p:cNvPr id="117" name="TextBox 116"/>
          <p:cNvSpPr txBox="1"/>
          <p:nvPr userDrawn="1"/>
        </p:nvSpPr>
        <p:spPr bwMode="auto">
          <a:xfrm>
            <a:off x="6904569" y="2270399"/>
            <a:ext cx="969624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New York</a:t>
            </a:r>
          </a:p>
        </p:txBody>
      </p:sp>
      <p:sp>
        <p:nvSpPr>
          <p:cNvPr id="118" name="TextBox 117"/>
          <p:cNvSpPr txBox="1"/>
          <p:nvPr userDrawn="1"/>
        </p:nvSpPr>
        <p:spPr bwMode="auto">
          <a:xfrm>
            <a:off x="6697206" y="2596139"/>
            <a:ext cx="1090363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Cherry Hill</a:t>
            </a:r>
          </a:p>
        </p:txBody>
      </p:sp>
      <p:sp>
        <p:nvSpPr>
          <p:cNvPr id="119" name="TextBox 118"/>
          <p:cNvSpPr txBox="1"/>
          <p:nvPr userDrawn="1"/>
        </p:nvSpPr>
        <p:spPr bwMode="auto">
          <a:xfrm>
            <a:off x="5493458" y="5874480"/>
            <a:ext cx="1535741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sz="1400" b="1" dirty="0" smtClean="0"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latin typeface="Trebuchet MS" pitchFamily="34" charset="0"/>
              </a:rPr>
              <a:t>SOUTH AMERICA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sz="1400" b="1" dirty="0"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latin typeface="Trebuchet MS" pitchFamily="34" charset="0"/>
              </a:rPr>
              <a:t>S</a:t>
            </a:r>
            <a:r>
              <a:rPr lang="en-US" sz="1400" b="1" dirty="0" smtClean="0"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latin typeface="Trebuchet MS" pitchFamily="34" charset="0"/>
              </a:rPr>
              <a:t>antiago, Chile</a:t>
            </a: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>
                <a:glow rad="127000">
                  <a:schemeClr val="bg1">
                    <a:alpha val="70000"/>
                  </a:schemeClr>
                </a:glow>
              </a:effectLst>
              <a:uLnTx/>
              <a:uFillTx/>
              <a:latin typeface="Trebuchet MS" pitchFamily="34" charset="0"/>
            </a:endParaRPr>
          </a:p>
        </p:txBody>
      </p:sp>
      <p:sp>
        <p:nvSpPr>
          <p:cNvPr id="120" name="Oval 119"/>
          <p:cNvSpPr/>
          <p:nvPr userDrawn="1"/>
        </p:nvSpPr>
        <p:spPr>
          <a:xfrm>
            <a:off x="5370460" y="6058514"/>
            <a:ext cx="76200" cy="76200"/>
          </a:xfrm>
          <a:prstGeom prst="ellipse">
            <a:avLst/>
          </a:prstGeom>
          <a:solidFill>
            <a:srgbClr val="CA8E2B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effectLst>
                <a:glow rad="127000">
                  <a:schemeClr val="bg1">
                    <a:alpha val="70000"/>
                  </a:schemeClr>
                </a:glow>
              </a:effectLst>
            </a:endParaRPr>
          </a:p>
        </p:txBody>
      </p:sp>
      <p:sp>
        <p:nvSpPr>
          <p:cNvPr id="121" name="TextBox 120"/>
          <p:cNvSpPr txBox="1"/>
          <p:nvPr userDrawn="1"/>
        </p:nvSpPr>
        <p:spPr bwMode="auto">
          <a:xfrm>
            <a:off x="275505" y="5491550"/>
            <a:ext cx="933269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>
                  <a:glow rad="127000">
                    <a:schemeClr val="bg1">
                      <a:alpha val="70000"/>
                    </a:schemeClr>
                  </a:glow>
                </a:effectLst>
                <a:uLnTx/>
                <a:uFillTx/>
                <a:latin typeface="Trebuchet MS" pitchFamily="34" charset="0"/>
                <a:ea typeface="+mn-ea"/>
                <a:cs typeface="+mn-cs"/>
              </a:rPr>
              <a:t>Honolulu</a:t>
            </a:r>
          </a:p>
        </p:txBody>
      </p:sp>
      <p:sp>
        <p:nvSpPr>
          <p:cNvPr id="3" name="TextBox 2"/>
          <p:cNvSpPr txBox="1"/>
          <p:nvPr userDrawn="1"/>
        </p:nvSpPr>
        <p:spPr>
          <a:xfrm>
            <a:off x="457200" y="7315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>
              <a:spcBef>
                <a:spcPct val="0"/>
              </a:spcBef>
              <a:buNone/>
              <a:defRPr sz="3600">
                <a:solidFill>
                  <a:srgbClr val="26455C"/>
                </a:solidFill>
                <a:latin typeface="Trebuchet MS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en-US" dirty="0" smtClean="0"/>
              <a:t>Office Locations</a:t>
            </a:r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Graphic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pic>
        <p:nvPicPr>
          <p:cNvPr id="122" name="Picture 7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90835" y="2895600"/>
            <a:ext cx="1143000" cy="12102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3" name="Picture 15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00635" y="3641066"/>
            <a:ext cx="1952625" cy="585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4" name="Picture 123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24235" y="4419600"/>
            <a:ext cx="2819400" cy="944499"/>
          </a:xfrm>
          <a:prstGeom prst="rect">
            <a:avLst/>
          </a:prstGeom>
        </p:spPr>
      </p:pic>
      <p:pic>
        <p:nvPicPr>
          <p:cNvPr id="125" name="Picture 124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8200" y="2213921"/>
            <a:ext cx="3005335" cy="448959"/>
          </a:xfrm>
          <a:prstGeom prst="rect">
            <a:avLst/>
          </a:prstGeom>
        </p:spPr>
      </p:pic>
      <p:pic>
        <p:nvPicPr>
          <p:cNvPr id="126" name="Picture 125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67222" y="2965753"/>
            <a:ext cx="2157413" cy="572517"/>
          </a:xfrm>
          <a:prstGeom prst="rect">
            <a:avLst/>
          </a:prstGeom>
        </p:spPr>
      </p:pic>
      <p:pic>
        <p:nvPicPr>
          <p:cNvPr id="127" name="Picture 126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05235" y="4107608"/>
            <a:ext cx="838200" cy="838200"/>
          </a:xfrm>
          <a:prstGeom prst="rect">
            <a:avLst/>
          </a:prstGeom>
        </p:spPr>
      </p:pic>
      <p:pic>
        <p:nvPicPr>
          <p:cNvPr id="128" name="Picture 127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2235" y="4419600"/>
            <a:ext cx="1828800" cy="343814"/>
          </a:xfrm>
          <a:prstGeom prst="rect">
            <a:avLst/>
          </a:prstGeom>
        </p:spPr>
      </p:pic>
      <p:pic>
        <p:nvPicPr>
          <p:cNvPr id="129" name="Picture 128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68247" y="1357669"/>
            <a:ext cx="1331976" cy="397863"/>
          </a:xfrm>
          <a:prstGeom prst="rect">
            <a:avLst/>
          </a:prstGeom>
        </p:spPr>
      </p:pic>
      <p:pic>
        <p:nvPicPr>
          <p:cNvPr id="130" name="Picture 129"/>
          <p:cNvPicPr>
            <a:picLocks noChangeAspect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19435" y="5257800"/>
            <a:ext cx="1676400" cy="838200"/>
          </a:xfrm>
          <a:prstGeom prst="rect">
            <a:avLst/>
          </a:prstGeom>
        </p:spPr>
      </p:pic>
      <p:pic>
        <p:nvPicPr>
          <p:cNvPr id="131" name="Picture 130"/>
          <p:cNvPicPr>
            <a:picLocks noChangeAspect="1"/>
          </p:cNvPicPr>
          <p:nvPr userDrawn="1"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81835" y="2895600"/>
            <a:ext cx="745427" cy="742950"/>
          </a:xfrm>
          <a:prstGeom prst="rect">
            <a:avLst/>
          </a:prstGeom>
        </p:spPr>
      </p:pic>
      <p:pic>
        <p:nvPicPr>
          <p:cNvPr id="132" name="Picture 131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3835" y="5334000"/>
            <a:ext cx="2085339" cy="727443"/>
          </a:xfrm>
          <a:prstGeom prst="rect">
            <a:avLst/>
          </a:prstGeom>
        </p:spPr>
      </p:pic>
      <p:pic>
        <p:nvPicPr>
          <p:cNvPr id="133" name="Picture 132"/>
          <p:cNvPicPr>
            <a:picLocks noChangeAspect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34235" y="4800600"/>
            <a:ext cx="2255921" cy="685800"/>
          </a:xfrm>
          <a:prstGeom prst="rect">
            <a:avLst/>
          </a:prstGeom>
        </p:spPr>
      </p:pic>
      <p:pic>
        <p:nvPicPr>
          <p:cNvPr id="134" name="Picture 133"/>
          <p:cNvPicPr>
            <a:picLocks noChangeAspect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77235" y="1219200"/>
            <a:ext cx="1104900" cy="1104900"/>
          </a:xfrm>
          <a:prstGeom prst="rect">
            <a:avLst/>
          </a:prstGeom>
        </p:spPr>
      </p:pic>
      <p:pic>
        <p:nvPicPr>
          <p:cNvPr id="135" name="Picture 134"/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72435" y="2514600"/>
            <a:ext cx="1066800" cy="800100"/>
          </a:xfrm>
          <a:prstGeom prst="rect">
            <a:avLst/>
          </a:prstGeom>
        </p:spPr>
      </p:pic>
      <p:pic>
        <p:nvPicPr>
          <p:cNvPr id="136" name="Picture 135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48161" y="1279927"/>
            <a:ext cx="695474" cy="777473"/>
          </a:xfrm>
          <a:prstGeom prst="rect">
            <a:avLst/>
          </a:prstGeom>
        </p:spPr>
      </p:pic>
      <p:pic>
        <p:nvPicPr>
          <p:cNvPr id="137" name="Picture 136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43535" y="2438401"/>
            <a:ext cx="2209800" cy="416988"/>
          </a:xfrm>
          <a:prstGeom prst="rect">
            <a:avLst/>
          </a:prstGeom>
        </p:spPr>
      </p:pic>
      <p:pic>
        <p:nvPicPr>
          <p:cNvPr id="138" name="Picture 137"/>
          <p:cNvPicPr>
            <a:picLocks noChangeAspect="1"/>
          </p:cNvPicPr>
          <p:nvPr userDrawn="1"/>
        </p:nvPicPr>
        <p:blipFill rotWithShape="1">
          <a:blip r:embed="rId1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19462" y="1357669"/>
            <a:ext cx="1781173" cy="612532"/>
          </a:xfrm>
          <a:prstGeom prst="rect">
            <a:avLst/>
          </a:prstGeom>
        </p:spPr>
      </p:pic>
      <p:pic>
        <p:nvPicPr>
          <p:cNvPr id="139" name="Picture 138"/>
          <p:cNvPicPr>
            <a:picLocks noChangeAspect="1"/>
          </p:cNvPicPr>
          <p:nvPr userDrawn="1"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20035" y="3733800"/>
            <a:ext cx="2224550" cy="483936"/>
          </a:xfrm>
          <a:prstGeom prst="rect">
            <a:avLst/>
          </a:prstGeom>
        </p:spPr>
      </p:pic>
      <p:pic>
        <p:nvPicPr>
          <p:cNvPr id="140" name="Picture 7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90835" y="2895600"/>
            <a:ext cx="1143000" cy="12102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1" name="Picture 15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00635" y="3641066"/>
            <a:ext cx="1952625" cy="585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2" name="Picture 14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24235" y="4419600"/>
            <a:ext cx="2819400" cy="944499"/>
          </a:xfrm>
          <a:prstGeom prst="rect">
            <a:avLst/>
          </a:prstGeom>
        </p:spPr>
      </p:pic>
      <p:pic>
        <p:nvPicPr>
          <p:cNvPr id="143" name="Picture 142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8200" y="2213921"/>
            <a:ext cx="3005335" cy="448959"/>
          </a:xfrm>
          <a:prstGeom prst="rect">
            <a:avLst/>
          </a:prstGeom>
        </p:spPr>
      </p:pic>
      <p:pic>
        <p:nvPicPr>
          <p:cNvPr id="144" name="Picture 143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67222" y="2965753"/>
            <a:ext cx="2157413" cy="572517"/>
          </a:xfrm>
          <a:prstGeom prst="rect">
            <a:avLst/>
          </a:prstGeom>
        </p:spPr>
      </p:pic>
      <p:pic>
        <p:nvPicPr>
          <p:cNvPr id="145" name="Picture 144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76835" y="5486400"/>
            <a:ext cx="1971675" cy="875424"/>
          </a:xfrm>
          <a:prstGeom prst="rect">
            <a:avLst/>
          </a:prstGeom>
        </p:spPr>
      </p:pic>
      <p:pic>
        <p:nvPicPr>
          <p:cNvPr id="146" name="Picture 145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05235" y="4107608"/>
            <a:ext cx="838200" cy="838200"/>
          </a:xfrm>
          <a:prstGeom prst="rect">
            <a:avLst/>
          </a:prstGeom>
        </p:spPr>
      </p:pic>
      <p:pic>
        <p:nvPicPr>
          <p:cNvPr id="147" name="Picture 146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2235" y="4419600"/>
            <a:ext cx="1828800" cy="343814"/>
          </a:xfrm>
          <a:prstGeom prst="rect">
            <a:avLst/>
          </a:prstGeom>
        </p:spPr>
      </p:pic>
      <p:pic>
        <p:nvPicPr>
          <p:cNvPr id="148" name="Picture 147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68247" y="1357669"/>
            <a:ext cx="1331976" cy="397863"/>
          </a:xfrm>
          <a:prstGeom prst="rect">
            <a:avLst/>
          </a:prstGeom>
        </p:spPr>
      </p:pic>
      <p:pic>
        <p:nvPicPr>
          <p:cNvPr id="149" name="Picture 148"/>
          <p:cNvPicPr>
            <a:picLocks noChangeAspect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19435" y="5257800"/>
            <a:ext cx="1676400" cy="838200"/>
          </a:xfrm>
          <a:prstGeom prst="rect">
            <a:avLst/>
          </a:prstGeom>
        </p:spPr>
      </p:pic>
      <p:pic>
        <p:nvPicPr>
          <p:cNvPr id="150" name="Picture 149"/>
          <p:cNvPicPr>
            <a:picLocks noChangeAspect="1"/>
          </p:cNvPicPr>
          <p:nvPr userDrawn="1"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81835" y="2895600"/>
            <a:ext cx="745427" cy="742950"/>
          </a:xfrm>
          <a:prstGeom prst="rect">
            <a:avLst/>
          </a:prstGeom>
        </p:spPr>
      </p:pic>
      <p:pic>
        <p:nvPicPr>
          <p:cNvPr id="151" name="Picture 150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3835" y="5334000"/>
            <a:ext cx="2085339" cy="727443"/>
          </a:xfrm>
          <a:prstGeom prst="rect">
            <a:avLst/>
          </a:prstGeom>
        </p:spPr>
      </p:pic>
      <p:pic>
        <p:nvPicPr>
          <p:cNvPr id="152" name="Picture 151"/>
          <p:cNvPicPr>
            <a:picLocks noChangeAspect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34235" y="4800600"/>
            <a:ext cx="2255921" cy="685800"/>
          </a:xfrm>
          <a:prstGeom prst="rect">
            <a:avLst/>
          </a:prstGeom>
        </p:spPr>
      </p:pic>
      <p:pic>
        <p:nvPicPr>
          <p:cNvPr id="153" name="Picture 152"/>
          <p:cNvPicPr>
            <a:picLocks noChangeAspect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77235" y="1219200"/>
            <a:ext cx="1104900" cy="1104900"/>
          </a:xfrm>
          <a:prstGeom prst="rect">
            <a:avLst/>
          </a:prstGeom>
        </p:spPr>
      </p:pic>
      <p:pic>
        <p:nvPicPr>
          <p:cNvPr id="154" name="Picture 153"/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72435" y="2514600"/>
            <a:ext cx="1066800" cy="800100"/>
          </a:xfrm>
          <a:prstGeom prst="rect">
            <a:avLst/>
          </a:prstGeom>
        </p:spPr>
      </p:pic>
      <p:pic>
        <p:nvPicPr>
          <p:cNvPr id="155" name="Picture 154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48161" y="1279927"/>
            <a:ext cx="695474" cy="777473"/>
          </a:xfrm>
          <a:prstGeom prst="rect">
            <a:avLst/>
          </a:prstGeom>
        </p:spPr>
      </p:pic>
      <p:pic>
        <p:nvPicPr>
          <p:cNvPr id="156" name="Picture 155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43535" y="2438401"/>
            <a:ext cx="2209800" cy="416988"/>
          </a:xfrm>
          <a:prstGeom prst="rect">
            <a:avLst/>
          </a:prstGeom>
        </p:spPr>
      </p:pic>
      <p:pic>
        <p:nvPicPr>
          <p:cNvPr id="157" name="Picture 156"/>
          <p:cNvPicPr>
            <a:picLocks noChangeAspect="1"/>
          </p:cNvPicPr>
          <p:nvPr userDrawn="1"/>
        </p:nvPicPr>
        <p:blipFill rotWithShape="1">
          <a:blip r:embed="rId1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19462" y="1357669"/>
            <a:ext cx="1781173" cy="612532"/>
          </a:xfrm>
          <a:prstGeom prst="rect">
            <a:avLst/>
          </a:prstGeom>
        </p:spPr>
      </p:pic>
      <p:pic>
        <p:nvPicPr>
          <p:cNvPr id="158" name="Picture 157"/>
          <p:cNvPicPr>
            <a:picLocks noChangeAspect="1"/>
          </p:cNvPicPr>
          <p:nvPr userDrawn="1"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20035" y="3733800"/>
            <a:ext cx="2224550" cy="483936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457200" y="7315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>
              <a:spcBef>
                <a:spcPct val="0"/>
              </a:spcBef>
              <a:buNone/>
              <a:defRPr sz="3600">
                <a:solidFill>
                  <a:srgbClr val="26455C"/>
                </a:solidFill>
                <a:latin typeface="Trebuchet MS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en-US" dirty="0" smtClean="0"/>
              <a:t>Select Clients</a:t>
            </a:r>
            <a:endParaRPr lang="en-US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 for Graphics (No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1500" y="381000"/>
            <a:ext cx="8001000" cy="685800"/>
          </a:xfrm>
        </p:spPr>
        <p:txBody>
          <a:bodyPr rIns="0"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Rectangle 2"/>
          <p:cNvSpPr/>
          <p:nvPr userDrawn="1"/>
        </p:nvSpPr>
        <p:spPr>
          <a:xfrm>
            <a:off x="0" y="6096000"/>
            <a:ext cx="9144000" cy="762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Segoe UI" panose="020B0502040204020203" pitchFamily="34" charset="0"/>
            </a:endParaRPr>
          </a:p>
        </p:txBody>
      </p:sp>
      <p:sp>
        <p:nvSpPr>
          <p:cNvPr id="4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571500" y="1066800"/>
            <a:ext cx="8001000" cy="4343400"/>
          </a:xfrm>
        </p:spPr>
        <p:txBody>
          <a:bodyPr rIns="0"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9704337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ide by Side (No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/>
          <p:cNvCxnSpPr/>
          <p:nvPr userDrawn="1"/>
        </p:nvCxnSpPr>
        <p:spPr>
          <a:xfrm>
            <a:off x="0" y="6172200"/>
            <a:ext cx="9144000" cy="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566928" y="381000"/>
            <a:ext cx="3564255" cy="685800"/>
          </a:xfrm>
        </p:spPr>
        <p:txBody>
          <a:bodyPr>
            <a:noAutofit/>
          </a:bodyPr>
          <a:lstStyle>
            <a:lvl1pPr algn="l">
              <a:defRPr sz="3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0" y="6096000"/>
            <a:ext cx="9144000" cy="762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Segoe UI" panose="020B0502040204020203" pitchFamily="34" charset="0"/>
            </a:endParaRP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4648200" y="0"/>
            <a:ext cx="44958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566928" y="1066800"/>
            <a:ext cx="3564255" cy="54102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8319611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569595" y="1066800"/>
            <a:ext cx="8002905" cy="41148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569595" y="381000"/>
            <a:ext cx="8004810" cy="685800"/>
          </a:xfrm>
          <a:prstGeom prst="rect">
            <a:avLst/>
          </a:prstGeom>
        </p:spPr>
        <p:txBody>
          <a:bodyPr vert="horz" lIns="0" tIns="45720" rIns="0" bIns="45720" rtlCol="0" anchor="t" anchorCtr="0">
            <a:noAutofit/>
          </a:bodyPr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095410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Slide with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76200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57200" y="1417637"/>
            <a:ext cx="8229600" cy="4525963"/>
          </a:xfrm>
        </p:spPr>
        <p:txBody>
          <a:bodyPr/>
          <a:lstStyle>
            <a:lvl1pPr>
              <a:spcBef>
                <a:spcPts val="1200"/>
              </a:spcBef>
              <a:defRPr sz="2800">
                <a:latin typeface="Trebuchet MS" pitchFamily="34" charset="0"/>
              </a:defRPr>
            </a:lvl1pPr>
            <a:lvl2pPr>
              <a:spcBef>
                <a:spcPts val="1000"/>
              </a:spcBef>
              <a:defRPr sz="2600">
                <a:latin typeface="Trebuchet MS" pitchFamily="34" charset="0"/>
              </a:defRPr>
            </a:lvl2pPr>
            <a:lvl3pPr>
              <a:spcBef>
                <a:spcPts val="1000"/>
              </a:spcBef>
              <a:defRPr sz="2400">
                <a:latin typeface="Trebuchet MS" pitchFamily="34" charset="0"/>
              </a:defRPr>
            </a:lvl3pPr>
            <a:lvl4pPr>
              <a:spcBef>
                <a:spcPts val="1000"/>
              </a:spcBef>
              <a:defRPr sz="2200">
                <a:latin typeface="Trebuchet MS" pitchFamily="34" charset="0"/>
              </a:defRPr>
            </a:lvl4pPr>
          </a:lstStyle>
          <a:p>
            <a:pPr lvl="0"/>
            <a:r>
              <a:rPr lang="en-US" dirty="0" smtClean="0"/>
              <a:t>Click to Add Text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76200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57200" y="1417637"/>
            <a:ext cx="8229600" cy="4525963"/>
          </a:xfrm>
        </p:spPr>
        <p:txBody>
          <a:bodyPr/>
          <a:lstStyle>
            <a:lvl1pPr>
              <a:spcBef>
                <a:spcPts val="1200"/>
              </a:spcBef>
              <a:defRPr sz="2800">
                <a:latin typeface="Trebuchet MS" pitchFamily="34" charset="0"/>
              </a:defRPr>
            </a:lvl1pPr>
            <a:lvl2pPr>
              <a:spcBef>
                <a:spcPts val="1000"/>
              </a:spcBef>
              <a:defRPr sz="2600">
                <a:latin typeface="Trebuchet MS" pitchFamily="34" charset="0"/>
              </a:defRPr>
            </a:lvl2pPr>
            <a:lvl3pPr>
              <a:spcBef>
                <a:spcPts val="1000"/>
              </a:spcBef>
              <a:defRPr sz="2400">
                <a:latin typeface="Trebuchet MS" pitchFamily="34" charset="0"/>
              </a:defRPr>
            </a:lvl3pPr>
            <a:lvl4pPr>
              <a:spcBef>
                <a:spcPts val="1000"/>
              </a:spcBef>
              <a:defRPr sz="2200">
                <a:latin typeface="Trebuchet MS" pitchFamily="34" charset="0"/>
              </a:defRPr>
            </a:lvl4pPr>
          </a:lstStyle>
          <a:p>
            <a:pPr lvl="0"/>
            <a:r>
              <a:rPr lang="en-US" dirty="0" smtClean="0"/>
              <a:t>Click to Add Text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Slide No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Slide with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(no bullets) without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76200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457200" y="1435100"/>
            <a:ext cx="7620000" cy="4691063"/>
          </a:xfrm>
        </p:spPr>
        <p:txBody>
          <a:bodyPr>
            <a:normAutofit/>
          </a:bodyPr>
          <a:lstStyle>
            <a:lvl1pPr marL="0" indent="0">
              <a:lnSpc>
                <a:spcPts val="3000"/>
              </a:lnSpc>
              <a:spcBef>
                <a:spcPts val="1400"/>
              </a:spcBef>
              <a:buNone/>
              <a:defRPr sz="3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Click to Add Text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(no bullets) with Swoosh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76200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457200" y="1435100"/>
            <a:ext cx="7620000" cy="4691063"/>
          </a:xfrm>
        </p:spPr>
        <p:txBody>
          <a:bodyPr>
            <a:normAutofit/>
          </a:bodyPr>
          <a:lstStyle>
            <a:lvl1pPr marL="0" indent="0">
              <a:lnSpc>
                <a:spcPts val="3000"/>
              </a:lnSpc>
              <a:spcBef>
                <a:spcPts val="1400"/>
              </a:spcBef>
              <a:buNone/>
              <a:defRPr sz="3200">
                <a:solidFill>
                  <a:srgbClr val="404040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Click to Add Text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 Slide Text/Graphic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457200" y="1295400"/>
            <a:ext cx="4040188" cy="639762"/>
          </a:xfrm>
        </p:spPr>
        <p:txBody>
          <a:bodyPr anchor="b"/>
          <a:lstStyle>
            <a:lvl1pPr marL="0" indent="0">
              <a:buNone/>
              <a:defRPr sz="2400" b="0">
                <a:solidFill>
                  <a:srgbClr val="26455C"/>
                </a:solidFill>
                <a:latin typeface="Trebuchet MS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Add Tit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200"/>
            </a:lvl3pPr>
            <a:lvl4pPr>
              <a:defRPr sz="20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Add Text/Graphic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45025" y="1295400"/>
            <a:ext cx="4041775" cy="639762"/>
          </a:xfrm>
        </p:spPr>
        <p:txBody>
          <a:bodyPr anchor="b"/>
          <a:lstStyle>
            <a:lvl1pPr marL="0" indent="0">
              <a:buNone/>
              <a:defRPr sz="2400" b="0">
                <a:solidFill>
                  <a:srgbClr val="26455C"/>
                </a:solidFill>
                <a:latin typeface="Trebuchet MS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Add Titl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 hasCustomPrompt="1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200"/>
            </a:lvl3pPr>
            <a:lvl4pPr>
              <a:defRPr sz="20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Add Text/Graphic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2667000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Add Tex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fld id="{E652699A-549B-45A1-BA81-4020695B5A36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7620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-31899" y="6629400"/>
            <a:ext cx="3810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/>
                </a:solidFill>
                <a:latin typeface="Trebuchet MS" pitchFamily="34" charset="0"/>
              </a:defRPr>
            </a:lvl1pPr>
          </a:lstStyle>
          <a:p>
            <a:fld id="{E652699A-549B-45A1-BA81-4020695B5A36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2" r:id="rId2"/>
    <p:sldLayoutId id="2147483668" r:id="rId3"/>
    <p:sldLayoutId id="2147483650" r:id="rId4"/>
    <p:sldLayoutId id="2147483661" r:id="rId5"/>
    <p:sldLayoutId id="2147483671" r:id="rId6"/>
    <p:sldLayoutId id="2147483669" r:id="rId7"/>
    <p:sldLayoutId id="2147483675" r:id="rId8"/>
    <p:sldLayoutId id="2147483663" r:id="rId9"/>
    <p:sldLayoutId id="2147483672" r:id="rId10"/>
    <p:sldLayoutId id="2147483673" r:id="rId11"/>
    <p:sldLayoutId id="2147483674" r:id="rId12"/>
    <p:sldLayoutId id="2147483664" r:id="rId13"/>
    <p:sldLayoutId id="2147483665" r:id="rId14"/>
    <p:sldLayoutId id="2147483666" r:id="rId15"/>
    <p:sldLayoutId id="2147483667" r:id="rId16"/>
    <p:sldLayoutId id="2147483689" r:id="rId17"/>
    <p:sldLayoutId id="2147483690" r:id="rId18"/>
    <p:sldLayoutId id="2147483691" r:id="rId19"/>
  </p:sldLayoutIdLst>
  <p:hf hdr="0" dt="0"/>
  <p:txStyles>
    <p:titleStyle>
      <a:lvl1pPr algn="ctr" defTabSz="914400" rtl="0" eaLnBrk="1" latinLnBrk="0" hangingPunct="1">
        <a:spcBef>
          <a:spcPct val="0"/>
        </a:spcBef>
        <a:buNone/>
        <a:defRPr sz="3600" kern="1200">
          <a:solidFill>
            <a:srgbClr val="26455C"/>
          </a:solidFill>
          <a:latin typeface="Trebuchet MS" pitchFamily="34" charset="0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ts val="1000"/>
        </a:spcBef>
        <a:buClr>
          <a:srgbClr val="A7A53D"/>
        </a:buClr>
        <a:buFont typeface="Arial" pitchFamily="34" charset="0"/>
        <a:buChar char="•"/>
        <a:defRPr sz="2800" kern="1200">
          <a:solidFill>
            <a:srgbClr val="404040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ts val="1000"/>
        </a:spcBef>
        <a:buClr>
          <a:srgbClr val="9E6828"/>
        </a:buClr>
        <a:buFont typeface="Arial" pitchFamily="34" charset="0"/>
        <a:buChar char="–"/>
        <a:defRPr sz="2600" kern="1200">
          <a:solidFill>
            <a:srgbClr val="404040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ts val="1000"/>
        </a:spcBef>
        <a:buClr>
          <a:srgbClr val="A7A53D"/>
        </a:buClr>
        <a:buFont typeface="Arial" pitchFamily="34" charset="0"/>
        <a:buChar char="•"/>
        <a:defRPr sz="2400" kern="1200">
          <a:solidFill>
            <a:srgbClr val="404040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ts val="1000"/>
        </a:spcBef>
        <a:buClr>
          <a:srgbClr val="9E6828"/>
        </a:buClr>
        <a:buFont typeface="Arial" pitchFamily="34" charset="0"/>
        <a:buChar char="–"/>
        <a:defRPr sz="2200" kern="1200">
          <a:solidFill>
            <a:srgbClr val="404040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600" kern="1200">
          <a:solidFill>
            <a:srgbClr val="404040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1.png"/><Relationship Id="rId5" Type="http://schemas.openxmlformats.org/officeDocument/2006/relationships/image" Target="../media/image49.png"/><Relationship Id="rId4" Type="http://schemas.openxmlformats.org/officeDocument/2006/relationships/image" Target="../media/image48.png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26" Type="http://schemas.openxmlformats.org/officeDocument/2006/relationships/tags" Target="../tags/tag90.xml"/><Relationship Id="rId39" Type="http://schemas.openxmlformats.org/officeDocument/2006/relationships/tags" Target="../tags/tag103.xml"/><Relationship Id="rId3" Type="http://schemas.openxmlformats.org/officeDocument/2006/relationships/tags" Target="../tags/tag67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7" Type="http://schemas.openxmlformats.org/officeDocument/2006/relationships/tags" Target="../tags/tag71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0" Type="http://schemas.openxmlformats.org/officeDocument/2006/relationships/tags" Target="../tags/tag84.xml"/><Relationship Id="rId29" Type="http://schemas.openxmlformats.org/officeDocument/2006/relationships/tags" Target="../tags/tag93.xml"/><Relationship Id="rId41" Type="http://schemas.openxmlformats.org/officeDocument/2006/relationships/tags" Target="../tags/tag105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" Type="http://schemas.openxmlformats.org/officeDocument/2006/relationships/tags" Target="../tags/tag69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notesSlide" Target="../notesSlides/notesSlide7.xml"/><Relationship Id="rId10" Type="http://schemas.openxmlformats.org/officeDocument/2006/relationships/tags" Target="../tags/tag74.xml"/><Relationship Id="rId19" Type="http://schemas.openxmlformats.org/officeDocument/2006/relationships/tags" Target="../tags/tag83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slideLayout" Target="../slideLayouts/slideLayout2.xml"/><Relationship Id="rId8" Type="http://schemas.openxmlformats.org/officeDocument/2006/relationships/tags" Target="../tags/tag7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8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2.xml"/><Relationship Id="rId3" Type="http://schemas.openxmlformats.org/officeDocument/2006/relationships/image" Target="../media/image55.png"/><Relationship Id="rId7" Type="http://schemas.openxmlformats.org/officeDocument/2006/relationships/diagramQuickStyle" Target="../diagrams/quickStyle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8.xml"/><Relationship Id="rId6" Type="http://schemas.openxmlformats.org/officeDocument/2006/relationships/diagramLayout" Target="../diagrams/layout2.xml"/><Relationship Id="rId5" Type="http://schemas.openxmlformats.org/officeDocument/2006/relationships/diagramData" Target="../diagrams/data2.xml"/><Relationship Id="rId10" Type="http://schemas.openxmlformats.org/officeDocument/2006/relationships/image" Target="../media/image57.png"/><Relationship Id="rId4" Type="http://schemas.openxmlformats.org/officeDocument/2006/relationships/image" Target="../media/image56.png"/><Relationship Id="rId9" Type="http://schemas.microsoft.com/office/2007/relationships/diagramDrawing" Target="../diagrams/drawing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2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9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67.png"/><Relationship Id="rId5" Type="http://schemas.openxmlformats.org/officeDocument/2006/relationships/image" Target="../media/image66.jpeg"/><Relationship Id="rId4" Type="http://schemas.openxmlformats.org/officeDocument/2006/relationships/image" Target="../media/image65.jpe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0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72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emf"/><Relationship Id="rId1" Type="http://schemas.openxmlformats.org/officeDocument/2006/relationships/slideLayout" Target="../slideLayouts/slideLayout19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1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jpeg"/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12" Type="http://schemas.openxmlformats.org/officeDocument/2006/relationships/image" Target="../media/image43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png"/><Relationship Id="rId11" Type="http://schemas.openxmlformats.org/officeDocument/2006/relationships/image" Target="../media/image42.jpg"/><Relationship Id="rId5" Type="http://schemas.openxmlformats.org/officeDocument/2006/relationships/image" Target="../media/image36.jpeg"/><Relationship Id="rId10" Type="http://schemas.openxmlformats.org/officeDocument/2006/relationships/image" Target="../media/image41.png"/><Relationship Id="rId4" Type="http://schemas.openxmlformats.org/officeDocument/2006/relationships/image" Target="../media/image35.png"/><Relationship Id="rId9" Type="http://schemas.openxmlformats.org/officeDocument/2006/relationships/image" Target="../media/image40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notesSlide" Target="../notesSlides/notesSlide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762000" y="3124200"/>
            <a:ext cx="7391400" cy="838200"/>
          </a:xfrm>
        </p:spPr>
        <p:txBody>
          <a:bodyPr>
            <a:noAutofit/>
          </a:bodyPr>
          <a:lstStyle/>
          <a:p>
            <a:r>
              <a:rPr lang="en-US" sz="2800" dirty="0" smtClean="0"/>
              <a:t>Per- </a:t>
            </a:r>
            <a:r>
              <a:rPr lang="en-US" sz="2800" dirty="0"/>
              <a:t>and </a:t>
            </a:r>
            <a:r>
              <a:rPr lang="en-US" sz="2800" dirty="0" err="1"/>
              <a:t>Polyfluoroalkyl</a:t>
            </a:r>
            <a:r>
              <a:rPr lang="en-US" sz="2800" dirty="0"/>
              <a:t> </a:t>
            </a:r>
            <a:r>
              <a:rPr lang="en-US" sz="2800" dirty="0" smtClean="0"/>
              <a:t>Substances</a:t>
            </a:r>
          </a:p>
          <a:p>
            <a:r>
              <a:rPr lang="en-US" sz="2800" dirty="0"/>
              <a:t> </a:t>
            </a:r>
            <a:r>
              <a:rPr lang="en-US" sz="2800" dirty="0" smtClean="0"/>
              <a:t>Background Information</a:t>
            </a:r>
            <a:endParaRPr lang="en-US" sz="280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2"/>
          </p:nvPr>
        </p:nvSpPr>
        <p:spPr>
          <a:xfrm>
            <a:off x="1371600" y="4876800"/>
            <a:ext cx="3962400" cy="838200"/>
          </a:xfrm>
        </p:spPr>
        <p:txBody>
          <a:bodyPr>
            <a:normAutofit/>
          </a:bodyPr>
          <a:lstStyle/>
          <a:p>
            <a:r>
              <a:rPr lang="en-US" dirty="0" smtClean="0"/>
              <a:t>Janet Anderson, Ph.D., DABT</a:t>
            </a:r>
          </a:p>
          <a:p>
            <a:r>
              <a:rPr lang="en-US" dirty="0" smtClean="0"/>
              <a:t>Integral Consulting, Inc.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13"/>
          </p:nvPr>
        </p:nvSpPr>
        <p:spPr>
          <a:xfrm>
            <a:off x="1335087" y="6096000"/>
            <a:ext cx="5446713" cy="457200"/>
          </a:xfrm>
        </p:spPr>
        <p:txBody>
          <a:bodyPr>
            <a:normAutofit/>
          </a:bodyPr>
          <a:lstStyle/>
          <a:p>
            <a:r>
              <a:rPr lang="en-US" dirty="0" smtClean="0"/>
              <a:t>April 16, 2019 – NASF Washington Forum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/>
              <a:t>PFAS are </a:t>
            </a:r>
            <a:r>
              <a:rPr lang="en-US" dirty="0"/>
              <a:t>Essential in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Chrome </a:t>
            </a:r>
            <a:r>
              <a:rPr lang="en-US" dirty="0"/>
              <a:t>Plating, Etch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33800" y="1513832"/>
            <a:ext cx="5204340" cy="4876800"/>
          </a:xfrm>
        </p:spPr>
        <p:txBody>
          <a:bodyPr>
            <a:noAutofit/>
          </a:bodyPr>
          <a:lstStyle/>
          <a:p>
            <a:r>
              <a:rPr lang="en-US" sz="2000" dirty="0" smtClean="0"/>
              <a:t>Increases quality of plating baths, reduces waste</a:t>
            </a:r>
          </a:p>
          <a:p>
            <a:r>
              <a:rPr lang="en-US" sz="2000" dirty="0"/>
              <a:t>Results in high corrosion resistance</a:t>
            </a:r>
          </a:p>
          <a:p>
            <a:r>
              <a:rPr lang="en-US" sz="2000" dirty="0"/>
              <a:t>Wetting and leveling to improve etching process</a:t>
            </a:r>
          </a:p>
          <a:p>
            <a:r>
              <a:rPr lang="en-US" sz="2000" b="1" dirty="0" smtClean="0"/>
              <a:t>Improves worker and environmental safety (e.g., hexavalent chrome)</a:t>
            </a:r>
          </a:p>
          <a:p>
            <a:pPr lvl="1"/>
            <a:r>
              <a:rPr lang="en-US" sz="1800" b="1" dirty="0" smtClean="0"/>
              <a:t>Suppresses hexavalent chromium vapors by reducing surface tension of solution</a:t>
            </a:r>
          </a:p>
          <a:p>
            <a:pPr lvl="1"/>
            <a:r>
              <a:rPr lang="en-US" sz="2000" b="1" dirty="0" smtClean="0"/>
              <a:t>CAA MACT Cr(VI) limits</a:t>
            </a:r>
          </a:p>
          <a:p>
            <a:pPr lvl="1"/>
            <a:r>
              <a:rPr lang="en-US" sz="2000" b="1" dirty="0" smtClean="0"/>
              <a:t>OSHA worker safety requirements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26229" y="3590282"/>
            <a:ext cx="1123950" cy="7239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2000" y="1680316"/>
            <a:ext cx="1238250" cy="27432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/>
          <a:srcRect b="32491"/>
          <a:stretch/>
        </p:blipFill>
        <p:spPr>
          <a:xfrm>
            <a:off x="2050029" y="1736244"/>
            <a:ext cx="1276350" cy="180690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20124" y="4673338"/>
            <a:ext cx="1824038" cy="14335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1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9390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0397" y="261727"/>
            <a:ext cx="8686800" cy="993773"/>
          </a:xfrm>
        </p:spPr>
        <p:txBody>
          <a:bodyPr>
            <a:normAutofit/>
          </a:bodyPr>
          <a:lstStyle/>
          <a:p>
            <a:r>
              <a:rPr lang="en-US" dirty="0"/>
              <a:t>Key PFAS U.S. </a:t>
            </a:r>
            <a:r>
              <a:rPr lang="en-US" dirty="0" smtClean="0"/>
              <a:t>Milestones for NASF</a:t>
            </a:r>
            <a:endParaRPr lang="en-US" dirty="0"/>
          </a:p>
        </p:txBody>
      </p:sp>
      <p:sp>
        <p:nvSpPr>
          <p:cNvPr id="9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17</a:t>
            </a:r>
            <a:endParaRPr lang="en-US" dirty="0"/>
          </a:p>
        </p:txBody>
      </p:sp>
      <p:cxnSp>
        <p:nvCxnSpPr>
          <p:cNvPr id="20" name="OTLSHAPE_M_e60de4190fe74dc8a0cee2a9f77196e2_Connector1"/>
          <p:cNvCxnSpPr/>
          <p:nvPr>
            <p:custDataLst>
              <p:tags r:id="rId1"/>
            </p:custDataLst>
          </p:nvPr>
        </p:nvCxnSpPr>
        <p:spPr>
          <a:xfrm flipH="1">
            <a:off x="8037860" y="3506428"/>
            <a:ext cx="24981" cy="1184774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e60de4190fe74dc8a0cee2a9f77196e2_Connector1"/>
          <p:cNvCxnSpPr/>
          <p:nvPr>
            <p:custDataLst>
              <p:tags r:id="rId2"/>
            </p:custDataLst>
          </p:nvPr>
        </p:nvCxnSpPr>
        <p:spPr>
          <a:xfrm>
            <a:off x="3777055" y="3555801"/>
            <a:ext cx="5863" cy="1188720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2820212" y="5429547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07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e60de4190fe74dc8a0cee2a9f77196e2_Title"/>
          <p:cNvSpPr txBox="1"/>
          <p:nvPr>
            <p:custDataLst>
              <p:tags r:id="rId4"/>
            </p:custDataLst>
          </p:nvPr>
        </p:nvSpPr>
        <p:spPr>
          <a:xfrm>
            <a:off x="3270335" y="2569544"/>
            <a:ext cx="1552295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MN identified metal plating shops as source of PFOS in environment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e60de4190fe74dc8a0cee2a9f77196e2_Date"/>
          <p:cNvSpPr txBox="1"/>
          <p:nvPr>
            <p:custDataLst>
              <p:tags r:id="rId5"/>
            </p:custDataLst>
          </p:nvPr>
        </p:nvSpPr>
        <p:spPr>
          <a:xfrm>
            <a:off x="3212879" y="3183009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7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533400" y="5432878"/>
            <a:ext cx="82503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1940-50s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3964751" y="5433486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09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e60de4190fe74dc8a0cee2a9f77196e2_Date"/>
          <p:cNvSpPr txBox="1"/>
          <p:nvPr>
            <p:custDataLst>
              <p:tags r:id="rId8"/>
            </p:custDataLst>
          </p:nvPr>
        </p:nvSpPr>
        <p:spPr>
          <a:xfrm>
            <a:off x="3924300" y="4005642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5128864" y="5432878"/>
            <a:ext cx="73853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2-15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M_e60de4190fe74dc8a0cee2a9f77196e2_Connector1"/>
          <p:cNvCxnSpPr/>
          <p:nvPr>
            <p:custDataLst>
              <p:tags r:id="rId10"/>
            </p:custDataLst>
          </p:nvPr>
        </p:nvCxnSpPr>
        <p:spPr>
          <a:xfrm>
            <a:off x="5379720" y="2665582"/>
            <a:ext cx="0" cy="2053695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6275611" y="5423353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e60de4190fe74dc8a0cee2a9f77196e2_Title"/>
          <p:cNvSpPr txBox="1"/>
          <p:nvPr>
            <p:custDataLst>
              <p:tags r:id="rId12"/>
            </p:custDataLst>
          </p:nvPr>
        </p:nvSpPr>
        <p:spPr>
          <a:xfrm>
            <a:off x="5598810" y="2264744"/>
            <a:ext cx="1563990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Phase-out of PFOS-based mist suppressants under NESHAP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M_e60de4190fe74dc8a0cee2a9f77196e2_Connector1"/>
          <p:cNvCxnSpPr/>
          <p:nvPr>
            <p:custDataLst>
              <p:tags r:id="rId13"/>
            </p:custDataLst>
          </p:nvPr>
        </p:nvCxnSpPr>
        <p:spPr>
          <a:xfrm flipH="1">
            <a:off x="3028041" y="2884127"/>
            <a:ext cx="1450" cy="1874718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M_e60de4190fe74dc8a0cee2a9f77196e2_Shape"/>
          <p:cNvSpPr/>
          <p:nvPr>
            <p:custDataLst>
              <p:tags r:id="rId14"/>
            </p:custDataLst>
          </p:nvPr>
        </p:nvSpPr>
        <p:spPr>
          <a:xfrm rot="16200000">
            <a:off x="3047779" y="2801577"/>
            <a:ext cx="165100" cy="165100"/>
          </a:xfrm>
          <a:prstGeom prst="flowChartMerge">
            <a:avLst/>
          </a:prstGeom>
          <a:solidFill>
            <a:srgbClr val="C00000"/>
          </a:solidFill>
          <a:ln w="25400" cap="flat" cmpd="sng" algn="ctr">
            <a:solidFill>
              <a:srgbClr val="C0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39" name="OTLSHAPE_M_e60de4190fe74dc8a0cee2a9f77196e2_Connector1"/>
          <p:cNvCxnSpPr/>
          <p:nvPr>
            <p:custDataLst>
              <p:tags r:id="rId15"/>
            </p:custDataLst>
          </p:nvPr>
        </p:nvCxnSpPr>
        <p:spPr>
          <a:xfrm flipH="1">
            <a:off x="6227847" y="4030535"/>
            <a:ext cx="5823" cy="660667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e60de4190fe74dc8a0cee2a9f77196e2_Shape"/>
          <p:cNvSpPr/>
          <p:nvPr>
            <p:custDataLst>
              <p:tags r:id="rId16"/>
            </p:custDataLst>
          </p:nvPr>
        </p:nvSpPr>
        <p:spPr>
          <a:xfrm rot="16200000">
            <a:off x="6242135" y="4020777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41" name="OTLSHAPE_TB_00000000000000000000000000000000_RightEndCaps"/>
          <p:cNvSpPr txBox="1"/>
          <p:nvPr>
            <p:custDataLst>
              <p:tags r:id="rId17"/>
            </p:custDataLst>
          </p:nvPr>
        </p:nvSpPr>
        <p:spPr>
          <a:xfrm>
            <a:off x="7222980" y="5428516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M_e60de4190fe74dc8a0cee2a9f77196e2_Connector1"/>
          <p:cNvCxnSpPr/>
          <p:nvPr>
            <p:custDataLst>
              <p:tags r:id="rId18"/>
            </p:custDataLst>
          </p:nvPr>
        </p:nvCxnSpPr>
        <p:spPr>
          <a:xfrm flipH="1">
            <a:off x="7492831" y="4091316"/>
            <a:ext cx="3369" cy="820677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M_e60de4190fe74dc8a0cee2a9f77196e2_Date"/>
          <p:cNvSpPr txBox="1"/>
          <p:nvPr>
            <p:custDataLst>
              <p:tags r:id="rId19"/>
            </p:custDataLst>
          </p:nvPr>
        </p:nvSpPr>
        <p:spPr>
          <a:xfrm>
            <a:off x="7543800" y="4490677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5/2018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e60de4190fe74dc8a0cee2a9f77196e2_Shape"/>
          <p:cNvSpPr/>
          <p:nvPr>
            <p:custDataLst>
              <p:tags r:id="rId20"/>
            </p:custDataLst>
          </p:nvPr>
        </p:nvSpPr>
        <p:spPr>
          <a:xfrm rot="16200000">
            <a:off x="7488716" y="4008766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45" name="OTLSHAPE_M_e60de4190fe74dc8a0cee2a9f77196e2_Connector1"/>
          <p:cNvCxnSpPr/>
          <p:nvPr>
            <p:custDataLst>
              <p:tags r:id="rId21"/>
            </p:custDataLst>
          </p:nvPr>
        </p:nvCxnSpPr>
        <p:spPr>
          <a:xfrm>
            <a:off x="2200747" y="2119769"/>
            <a:ext cx="0" cy="265176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M_e60de4190fe74dc8a0cee2a9f77196e2_Title"/>
          <p:cNvSpPr txBox="1"/>
          <p:nvPr>
            <p:custDataLst>
              <p:tags r:id="rId22"/>
            </p:custDataLst>
          </p:nvPr>
        </p:nvSpPr>
        <p:spPr>
          <a:xfrm>
            <a:off x="2443100" y="1905000"/>
            <a:ext cx="985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M Phase-out of PFOS 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M_e60de4190fe74dc8a0cee2a9f77196e2_Date"/>
          <p:cNvSpPr txBox="1"/>
          <p:nvPr>
            <p:custDataLst>
              <p:tags r:id="rId23"/>
            </p:custDataLst>
          </p:nvPr>
        </p:nvSpPr>
        <p:spPr>
          <a:xfrm>
            <a:off x="2347237" y="2264000"/>
            <a:ext cx="66375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0-2002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e60de4190fe74dc8a0cee2a9f77196e2_Shape"/>
          <p:cNvSpPr/>
          <p:nvPr>
            <p:custDataLst>
              <p:tags r:id="rId24"/>
            </p:custDataLst>
          </p:nvPr>
        </p:nvSpPr>
        <p:spPr>
          <a:xfrm rot="16200000">
            <a:off x="2218509" y="2096960"/>
            <a:ext cx="165100" cy="165100"/>
          </a:xfrm>
          <a:prstGeom prst="flowChartMerge">
            <a:avLst/>
          </a:prstGeom>
          <a:solidFill>
            <a:srgbClr val="1880C4"/>
          </a:solidFill>
          <a:ln w="25400" cap="flat" cmpd="sng" algn="ctr">
            <a:solidFill>
              <a:srgbClr val="1880C4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50" name="OTLSHAPE_M_e60de4190fe74dc8a0cee2a9f77196e2_Date"/>
          <p:cNvSpPr txBox="1"/>
          <p:nvPr>
            <p:custDataLst>
              <p:tags r:id="rId25"/>
            </p:custDataLst>
          </p:nvPr>
        </p:nvSpPr>
        <p:spPr>
          <a:xfrm>
            <a:off x="1219200" y="3477443"/>
            <a:ext cx="346288" cy="1750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54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e60de4190fe74dc8a0cee2a9f77196e2_Shape"/>
          <p:cNvSpPr/>
          <p:nvPr>
            <p:custDataLst>
              <p:tags r:id="rId26"/>
            </p:custDataLst>
          </p:nvPr>
        </p:nvSpPr>
        <p:spPr>
          <a:xfrm rot="16200000">
            <a:off x="1081088" y="3119077"/>
            <a:ext cx="165100" cy="165100"/>
          </a:xfrm>
          <a:prstGeom prst="flowChartMerge">
            <a:avLst/>
          </a:prstGeom>
          <a:solidFill>
            <a:srgbClr val="C00000"/>
          </a:solidFill>
          <a:ln w="25400" cap="flat" cmpd="sng" algn="ctr">
            <a:solidFill>
              <a:srgbClr val="C0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52" name="OTLSHAPE_M_e60de4190fe74dc8a0cee2a9f77196e2_Date"/>
          <p:cNvSpPr txBox="1"/>
          <p:nvPr>
            <p:custDataLst>
              <p:tags r:id="rId27"/>
            </p:custDataLst>
          </p:nvPr>
        </p:nvSpPr>
        <p:spPr>
          <a:xfrm>
            <a:off x="5562600" y="2873600"/>
            <a:ext cx="640080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12–2015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e60de4190fe74dc8a0cee2a9f77196e2_Title"/>
          <p:cNvSpPr txBox="1"/>
          <p:nvPr>
            <p:custDataLst>
              <p:tags r:id="rId28"/>
            </p:custDataLst>
          </p:nvPr>
        </p:nvSpPr>
        <p:spPr>
          <a:xfrm>
            <a:off x="4017954" y="3423877"/>
            <a:ext cx="1468446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USEPA </a:t>
            </a:r>
            <a:r>
              <a:rPr lang="en-US" sz="12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eg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5 PFOS Chromium Electroplating Study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M_e60de4190fe74dc8a0cee2a9f77196e2_Connector1"/>
          <p:cNvCxnSpPr/>
          <p:nvPr>
            <p:custDataLst>
              <p:tags r:id="rId29"/>
            </p:custDataLst>
          </p:nvPr>
        </p:nvCxnSpPr>
        <p:spPr>
          <a:xfrm flipH="1">
            <a:off x="7296913" y="2332851"/>
            <a:ext cx="1362" cy="2408650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M_e60de4190fe74dc8a0cee2a9f77196e2_Shape"/>
          <p:cNvSpPr/>
          <p:nvPr>
            <p:custDataLst>
              <p:tags r:id="rId30"/>
            </p:custDataLst>
          </p:nvPr>
        </p:nvSpPr>
        <p:spPr>
          <a:xfrm rot="16200000">
            <a:off x="7316563" y="2268177"/>
            <a:ext cx="165100" cy="165100"/>
          </a:xfrm>
          <a:prstGeom prst="flowChartMerge">
            <a:avLst/>
          </a:prstGeom>
          <a:solidFill>
            <a:srgbClr val="C00000"/>
          </a:solidFill>
          <a:ln w="25400" cap="flat" cmpd="sng" algn="ctr">
            <a:solidFill>
              <a:srgbClr val="C0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72" name="OTLSHAPE_M_e60de4190fe74dc8a0cee2a9f77196e2_Date"/>
          <p:cNvSpPr txBox="1"/>
          <p:nvPr>
            <p:custDataLst>
              <p:tags r:id="rId31"/>
            </p:custDataLst>
          </p:nvPr>
        </p:nvSpPr>
        <p:spPr>
          <a:xfrm>
            <a:off x="7467600" y="2645000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18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e60de4190fe74dc8a0cee2a9f77196e2_Title"/>
          <p:cNvSpPr txBox="1"/>
          <p:nvPr>
            <p:custDataLst>
              <p:tags r:id="rId32"/>
            </p:custDataLst>
          </p:nvPr>
        </p:nvSpPr>
        <p:spPr>
          <a:xfrm>
            <a:off x="7537534" y="2043789"/>
            <a:ext cx="1195644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Industry </a:t>
            </a:r>
            <a:r>
              <a:rPr lang="en-US" sz="12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mtgs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with stakeholders (e.g. DoD, EPA </a:t>
            </a:r>
            <a:r>
              <a:rPr lang="en-US" sz="12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eg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5)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e60de4190fe74dc8a0cee2a9f77196e2_Title"/>
          <p:cNvSpPr txBox="1"/>
          <p:nvPr>
            <p:custDataLst>
              <p:tags r:id="rId33"/>
            </p:custDataLst>
          </p:nvPr>
        </p:nvSpPr>
        <p:spPr>
          <a:xfrm>
            <a:off x="6433698" y="3546120"/>
            <a:ext cx="865369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Lifetime </a:t>
            </a:r>
          </a:p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Health Advisories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e60de4190fe74dc8a0cee2a9f77196e2_Date"/>
          <p:cNvSpPr txBox="1"/>
          <p:nvPr>
            <p:custDataLst>
              <p:tags r:id="rId34"/>
            </p:custDataLst>
          </p:nvPr>
        </p:nvSpPr>
        <p:spPr>
          <a:xfrm>
            <a:off x="6433698" y="4065522"/>
            <a:ext cx="495300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5/2016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e60de4190fe74dc8a0cee2a9f77196e2_Title"/>
          <p:cNvSpPr txBox="1"/>
          <p:nvPr>
            <p:custDataLst>
              <p:tags r:id="rId35"/>
            </p:custDataLst>
          </p:nvPr>
        </p:nvSpPr>
        <p:spPr>
          <a:xfrm>
            <a:off x="1323291" y="2843966"/>
            <a:ext cx="984795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PFAS used in chromium plating 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457200" y="4719277"/>
            <a:ext cx="8001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FAS U.S. Timeline of Key Events</a:t>
            </a:r>
            <a:endParaRPr lang="en-US" dirty="0"/>
          </a:p>
        </p:txBody>
      </p:sp>
      <p:cxnSp>
        <p:nvCxnSpPr>
          <p:cNvPr id="81" name="OTLSHAPE_M_93c5fbda53ad416ba4197cdb8a135f80_Connector1"/>
          <p:cNvCxnSpPr/>
          <p:nvPr>
            <p:custDataLst>
              <p:tags r:id="rId37"/>
            </p:custDataLst>
          </p:nvPr>
        </p:nvCxnSpPr>
        <p:spPr>
          <a:xfrm>
            <a:off x="561946" y="4345887"/>
            <a:ext cx="0" cy="432026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93c5fbda53ad416ba4197cdb8a135f80_Shape"/>
          <p:cNvSpPr/>
          <p:nvPr>
            <p:custDataLst>
              <p:tags r:id="rId38"/>
            </p:custDataLst>
          </p:nvPr>
        </p:nvSpPr>
        <p:spPr>
          <a:xfrm rot="16200000">
            <a:off x="568570" y="4346744"/>
            <a:ext cx="177574" cy="173403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83" name="Straight Connector 82"/>
          <p:cNvCxnSpPr/>
          <p:nvPr/>
        </p:nvCxnSpPr>
        <p:spPr>
          <a:xfrm flipH="1">
            <a:off x="1524000" y="4609323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/>
          <p:cNvCxnSpPr/>
          <p:nvPr/>
        </p:nvCxnSpPr>
        <p:spPr>
          <a:xfrm flipH="1">
            <a:off x="1667691" y="4596252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e60de4190fe74dc8a0cee2a9f77196e2_Connector1"/>
          <p:cNvCxnSpPr/>
          <p:nvPr>
            <p:custDataLst>
              <p:tags r:id="rId39"/>
            </p:custDataLst>
          </p:nvPr>
        </p:nvCxnSpPr>
        <p:spPr>
          <a:xfrm>
            <a:off x="1066800" y="3277827"/>
            <a:ext cx="9227" cy="1441450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93c5fbda53ad416ba4197cdb8a135f80_Title"/>
          <p:cNvSpPr txBox="1"/>
          <p:nvPr>
            <p:custDataLst>
              <p:tags r:id="rId40"/>
            </p:custDataLst>
          </p:nvPr>
        </p:nvSpPr>
        <p:spPr>
          <a:xfrm>
            <a:off x="531826" y="3961144"/>
            <a:ext cx="960889" cy="3693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200" b="1" spc="-8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PFAS Chemical Engineering</a:t>
            </a:r>
          </a:p>
        </p:txBody>
      </p:sp>
      <p:sp>
        <p:nvSpPr>
          <p:cNvPr id="91" name="OTLSHAPE_TB_00000000000000000000000000000000_RightEndCaps"/>
          <p:cNvSpPr txBox="1"/>
          <p:nvPr>
            <p:custDataLst>
              <p:tags r:id="rId41"/>
            </p:custDataLst>
          </p:nvPr>
        </p:nvSpPr>
        <p:spPr>
          <a:xfrm>
            <a:off x="7848601" y="5432878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M_e60de4190fe74dc8a0cee2a9f77196e2_Title"/>
          <p:cNvSpPr txBox="1"/>
          <p:nvPr>
            <p:custDataLst>
              <p:tags r:id="rId42"/>
            </p:custDataLst>
          </p:nvPr>
        </p:nvSpPr>
        <p:spPr>
          <a:xfrm>
            <a:off x="8305800" y="3363810"/>
            <a:ext cx="919246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PFAS Action Pla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M_e60de4190fe74dc8a0cee2a9f77196e2_Date"/>
          <p:cNvSpPr txBox="1"/>
          <p:nvPr>
            <p:custDataLst>
              <p:tags r:id="rId43"/>
            </p:custDataLst>
          </p:nvPr>
        </p:nvSpPr>
        <p:spPr>
          <a:xfrm>
            <a:off x="8453086" y="3769422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2</a:t>
            </a:r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/201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e60de4190fe74dc8a0cee2a9f77196e2_Shape"/>
          <p:cNvSpPr/>
          <p:nvPr>
            <p:custDataLst>
              <p:tags r:id="rId44"/>
            </p:custDataLst>
          </p:nvPr>
        </p:nvSpPr>
        <p:spPr>
          <a:xfrm rot="16200000">
            <a:off x="8064500" y="3423878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96" name="OTLSHAPE_M_e60de4190fe74dc8a0cee2a9f77196e2_Title"/>
          <p:cNvSpPr txBox="1"/>
          <p:nvPr>
            <p:custDataLst>
              <p:tags r:id="rId45"/>
            </p:custDataLst>
          </p:nvPr>
        </p:nvSpPr>
        <p:spPr>
          <a:xfrm>
            <a:off x="7680391" y="3957800"/>
            <a:ext cx="919246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PFAS Leadership Summit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e60de4190fe74dc8a0cee2a9f77196e2_Shape"/>
          <p:cNvSpPr/>
          <p:nvPr>
            <p:custDataLst>
              <p:tags r:id="rId46"/>
            </p:custDataLst>
          </p:nvPr>
        </p:nvSpPr>
        <p:spPr>
          <a:xfrm rot="16200000">
            <a:off x="3797299" y="3435803"/>
            <a:ext cx="165100" cy="165100"/>
          </a:xfrm>
          <a:prstGeom prst="flowChartMerge">
            <a:avLst/>
          </a:prstGeom>
          <a:solidFill>
            <a:srgbClr val="C00000"/>
          </a:solidFill>
          <a:ln w="25400" cap="flat" cmpd="sng" algn="ctr">
            <a:solidFill>
              <a:srgbClr val="C0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104" name="OTLSHAPE_M_e60de4190fe74dc8a0cee2a9f77196e2_Shape"/>
          <p:cNvSpPr/>
          <p:nvPr>
            <p:custDataLst>
              <p:tags r:id="rId47"/>
            </p:custDataLst>
          </p:nvPr>
        </p:nvSpPr>
        <p:spPr>
          <a:xfrm rot="16200000">
            <a:off x="5397500" y="2509478"/>
            <a:ext cx="165100" cy="165100"/>
          </a:xfrm>
          <a:prstGeom prst="flowChartMerge">
            <a:avLst/>
          </a:prstGeom>
          <a:solidFill>
            <a:srgbClr val="C00000"/>
          </a:solidFill>
          <a:ln w="25400" cap="flat" cmpd="sng" algn="ctr">
            <a:solidFill>
              <a:srgbClr val="C0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9" name="Oval 8"/>
          <p:cNvSpPr/>
          <p:nvPr/>
        </p:nvSpPr>
        <p:spPr>
          <a:xfrm>
            <a:off x="5128864" y="1799858"/>
            <a:ext cx="2359852" cy="1477969"/>
          </a:xfrm>
          <a:prstGeom prst="ellipse">
            <a:avLst/>
          </a:prstGeom>
          <a:noFill/>
          <a:ln w="5715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26974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457199" y="381000"/>
            <a:ext cx="8489261" cy="114300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Industry-EPA Collaboration to Ban </a:t>
            </a:r>
            <a:br>
              <a:rPr lang="en-US" dirty="0" smtClean="0"/>
            </a:br>
            <a:r>
              <a:rPr lang="en-US" dirty="0" smtClean="0"/>
              <a:t>PFOS in Chromium Plating</a:t>
            </a:r>
            <a:r>
              <a:rPr lang="en-US" dirty="0"/>
              <a:t/>
            </a:r>
            <a:br>
              <a:rPr lang="en-US" dirty="0"/>
            </a:br>
            <a:r>
              <a:rPr lang="en-US" sz="3100" dirty="0" smtClean="0"/>
              <a:t>Switch from </a:t>
            </a:r>
            <a:r>
              <a:rPr lang="en-US" sz="3100" dirty="0"/>
              <a:t>PFOS </a:t>
            </a:r>
            <a:r>
              <a:rPr lang="en-US" sz="2700" dirty="0"/>
              <a:t>(historic) </a:t>
            </a:r>
            <a:r>
              <a:rPr lang="en-US" sz="3100" dirty="0" smtClean="0"/>
              <a:t>to 6:2 </a:t>
            </a:r>
            <a:r>
              <a:rPr lang="en-US" sz="3100" dirty="0"/>
              <a:t>FTS </a:t>
            </a:r>
            <a:r>
              <a:rPr lang="en-US" sz="2700" dirty="0"/>
              <a:t>(current, U.S.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B9C767-E2D1-47D5-BBBE-3777692015B7}" type="slidenum">
              <a:rPr lang="en-US" smtClean="0"/>
              <a:t>12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0354" y="2057400"/>
            <a:ext cx="6762046" cy="2605505"/>
          </a:xfrm>
          <a:prstGeom prst="rect">
            <a:avLst/>
          </a:prstGeom>
        </p:spPr>
      </p:pic>
      <p:sp>
        <p:nvSpPr>
          <p:cNvPr id="7" name="Oval 6"/>
          <p:cNvSpPr/>
          <p:nvPr/>
        </p:nvSpPr>
        <p:spPr>
          <a:xfrm>
            <a:off x="1447800" y="4201633"/>
            <a:ext cx="685800" cy="38100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3685823" y="3919868"/>
            <a:ext cx="809977" cy="38100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609600" y="4724400"/>
            <a:ext cx="3163495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200" dirty="0" err="1" smtClean="0"/>
              <a:t>Perfluorooctane</a:t>
            </a:r>
            <a:r>
              <a:rPr lang="en-US" sz="2200" dirty="0" smtClean="0"/>
              <a:t> sulfonate</a:t>
            </a:r>
            <a:endParaRPr lang="en-US" sz="2200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/>
          <a:srcRect t="37642" b="38435"/>
          <a:stretch/>
        </p:blipFill>
        <p:spPr>
          <a:xfrm>
            <a:off x="247675" y="5374647"/>
            <a:ext cx="3930392" cy="94026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4"/>
          <a:srcRect l="-716" t="32866" r="716" b="34060"/>
          <a:stretch/>
        </p:blipFill>
        <p:spPr>
          <a:xfrm>
            <a:off x="5220369" y="5104984"/>
            <a:ext cx="3726092" cy="1232391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5613738" y="4724400"/>
            <a:ext cx="3530262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200" dirty="0" smtClean="0"/>
              <a:t>6:2 </a:t>
            </a:r>
            <a:r>
              <a:rPr lang="en-US" sz="2200" dirty="0" err="1" smtClean="0"/>
              <a:t>Fluoroteolomer</a:t>
            </a:r>
            <a:r>
              <a:rPr lang="en-US" sz="2200" dirty="0" smtClean="0"/>
              <a:t> sulfonate</a:t>
            </a:r>
            <a:endParaRPr lang="en-US" sz="2200" dirty="0"/>
          </a:p>
        </p:txBody>
      </p:sp>
      <p:sp>
        <p:nvSpPr>
          <p:cNvPr id="2" name="TextBox 1"/>
          <p:cNvSpPr txBox="1"/>
          <p:nvPr/>
        </p:nvSpPr>
        <p:spPr>
          <a:xfrm>
            <a:off x="6417480" y="3009405"/>
            <a:ext cx="6324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PTFE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>
          <a:xfrm>
            <a:off x="4495800" y="5715000"/>
            <a:ext cx="609600" cy="2286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7796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57200" y="685800"/>
            <a:ext cx="8229600" cy="1143000"/>
          </a:xfrm>
        </p:spPr>
        <p:txBody>
          <a:bodyPr>
            <a:normAutofit/>
          </a:bodyPr>
          <a:lstStyle/>
          <a:p>
            <a:r>
              <a:rPr lang="en-US" sz="4400" dirty="0" smtClean="0"/>
              <a:t>Then Why Do We Still Care?</a:t>
            </a:r>
            <a:endParaRPr lang="en-US" dirty="0"/>
          </a:p>
        </p:txBody>
      </p:sp>
      <p:graphicFrame>
        <p:nvGraphicFramePr>
          <p:cNvPr id="2" name="Content Placeholder 1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1447414595"/>
              </p:ext>
            </p:extLst>
          </p:nvPr>
        </p:nvGraphicFramePr>
        <p:xfrm>
          <a:off x="1081054" y="1567543"/>
          <a:ext cx="6974375" cy="483325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3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89325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2" grpId="0">
        <p:bldAsOne/>
      </p:bldGraphic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7210" y="152400"/>
            <a:ext cx="8229600" cy="1143000"/>
          </a:xfrm>
        </p:spPr>
        <p:txBody>
          <a:bodyPr>
            <a:noAutofit/>
          </a:bodyPr>
          <a:lstStyle/>
          <a:p>
            <a:r>
              <a:rPr lang="en-US" dirty="0" smtClean="0"/>
              <a:t>Interest in </a:t>
            </a:r>
            <a:r>
              <a:rPr lang="en-US" dirty="0"/>
              <a:t>PFAS </a:t>
            </a:r>
            <a:r>
              <a:rPr lang="en-US" dirty="0" smtClean="0"/>
              <a:t>in Industry </a:t>
            </a:r>
            <a:br>
              <a:rPr lang="en-US" dirty="0" smtClean="0"/>
            </a:br>
            <a:r>
              <a:rPr lang="en-US" dirty="0" smtClean="0"/>
              <a:t>Effluent </a:t>
            </a:r>
            <a:r>
              <a:rPr lang="en-US" dirty="0"/>
              <a:t>Discharge is Increasing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549615" y="1524000"/>
            <a:ext cx="7230274" cy="4351338"/>
          </a:xfrm>
        </p:spPr>
        <p:txBody>
          <a:bodyPr>
            <a:noAutofit/>
          </a:bodyPr>
          <a:lstStyle/>
          <a:p>
            <a:r>
              <a:rPr lang="en-US" dirty="0" smtClean="0"/>
              <a:t>EPA - study of PFAS in industry discharge </a:t>
            </a:r>
            <a:r>
              <a:rPr lang="en-US" sz="2400" dirty="0" smtClean="0"/>
              <a:t>(see EPA’s Final 2016 Effluent Guidelines Program Plan, April 2018)</a:t>
            </a:r>
            <a:endParaRPr lang="en-US" dirty="0" smtClean="0"/>
          </a:p>
          <a:p>
            <a:r>
              <a:rPr lang="en-US" dirty="0"/>
              <a:t>Important discussion topic at the state level</a:t>
            </a:r>
          </a:p>
          <a:p>
            <a:pPr lvl="1"/>
            <a:r>
              <a:rPr lang="en-US" sz="2400" dirty="0" smtClean="0"/>
              <a:t>Minnesota - state-wide testing of WWTP effluent in 2007 (identified local chromium electroplating facility as contributor of PFOS to WWTP)</a:t>
            </a:r>
          </a:p>
          <a:p>
            <a:pPr lvl="1"/>
            <a:r>
              <a:rPr lang="en-US" sz="2400" dirty="0" smtClean="0"/>
              <a:t>Michigan - promulgated PFOS surface water quality standard of 12 </a:t>
            </a:r>
            <a:r>
              <a:rPr lang="en-US" sz="2400" dirty="0" err="1" smtClean="0"/>
              <a:t>ppt</a:t>
            </a:r>
            <a:endParaRPr lang="en-US" sz="2400" dirty="0" smtClean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89932" y="3368040"/>
            <a:ext cx="1382573" cy="13716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87171" y="4892040"/>
            <a:ext cx="1185334" cy="128016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3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47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3"/>
          <a:srcRect b="21500"/>
          <a:stretch/>
        </p:blipFill>
        <p:spPr>
          <a:xfrm>
            <a:off x="90495" y="1447800"/>
            <a:ext cx="4538133" cy="1331599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34</a:t>
            </a:r>
            <a:endParaRPr lang="en-US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724158" y="1687033"/>
            <a:ext cx="4357819" cy="1289914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1" name="Title 2"/>
          <p:cNvSpPr txBox="1">
            <a:spLocks/>
          </p:cNvSpPr>
          <p:nvPr/>
        </p:nvSpPr>
        <p:spPr>
          <a:xfrm>
            <a:off x="513828" y="22723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rgbClr val="26455C"/>
                </a:solidFill>
                <a:latin typeface="Trebuchet MS" pitchFamily="34" charset="0"/>
                <a:ea typeface="+mj-ea"/>
                <a:cs typeface="+mj-cs"/>
              </a:defRPr>
            </a:lvl1pPr>
          </a:lstStyle>
          <a:p>
            <a:r>
              <a:rPr lang="en-US" dirty="0" smtClean="0"/>
              <a:t>Increasing Scrutiny on </a:t>
            </a:r>
            <a:r>
              <a:rPr lang="en-US" i="1" dirty="0" smtClean="0"/>
              <a:t>ALL</a:t>
            </a:r>
            <a:r>
              <a:rPr lang="en-US" dirty="0" smtClean="0"/>
              <a:t> </a:t>
            </a:r>
            <a:r>
              <a:rPr lang="en-US" dirty="0" smtClean="0"/>
              <a:t>PFAS and Metal Plating</a:t>
            </a:r>
            <a:endParaRPr lang="en-US" dirty="0"/>
          </a:p>
        </p:txBody>
      </p:sp>
      <p:graphicFrame>
        <p:nvGraphicFramePr>
          <p:cNvPr id="12" name="Content Placeholder 1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117861997"/>
              </p:ext>
            </p:extLst>
          </p:nvPr>
        </p:nvGraphicFramePr>
        <p:xfrm>
          <a:off x="990600" y="1676400"/>
          <a:ext cx="7064829" cy="4724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5023884" y="5257800"/>
            <a:ext cx="4086446" cy="923330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latin typeface="Arial Black" panose="020B0A04020102020204" pitchFamily="34" charset="0"/>
              </a:rPr>
              <a:t>Bipartisan Bill Introduced (March ‘19)</a:t>
            </a:r>
          </a:p>
          <a:p>
            <a:pPr algn="ctr"/>
            <a:r>
              <a:rPr lang="en-US" dirty="0" smtClean="0">
                <a:latin typeface="Arial Black" panose="020B0A04020102020204" pitchFamily="34" charset="0"/>
              </a:rPr>
              <a:t>“PFAS Detection Act of 2019”</a:t>
            </a:r>
            <a:endParaRPr lang="en-US" dirty="0">
              <a:latin typeface="Arial Black" panose="020B0A04020102020204" pitchFamily="34" charset="0"/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3914" y="4887099"/>
            <a:ext cx="4459100" cy="1664731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Rectangle 3"/>
          <p:cNvSpPr/>
          <p:nvPr/>
        </p:nvSpPr>
        <p:spPr>
          <a:xfrm>
            <a:off x="4648200" y="1295400"/>
            <a:ext cx="4800842" cy="4953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00854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60800" y="228600"/>
            <a:ext cx="8654599" cy="1325563"/>
          </a:xfrm>
        </p:spPr>
        <p:txBody>
          <a:bodyPr>
            <a:noAutofit/>
          </a:bodyPr>
          <a:lstStyle/>
          <a:p>
            <a:r>
              <a:rPr lang="en-US" dirty="0"/>
              <a:t>Transition to </a:t>
            </a:r>
            <a:r>
              <a:rPr lang="en-US" dirty="0" smtClean="0"/>
              <a:t>Short </a:t>
            </a:r>
            <a:r>
              <a:rPr lang="en-US" dirty="0" err="1" smtClean="0"/>
              <a:t>Fluorotelomers</a:t>
            </a: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Improves </a:t>
            </a:r>
            <a:r>
              <a:rPr lang="en-US" dirty="0"/>
              <a:t>Risk </a:t>
            </a:r>
            <a:r>
              <a:rPr lang="en-US" dirty="0" smtClean="0"/>
              <a:t>Profile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260801" y="1654419"/>
            <a:ext cx="4539799" cy="4441581"/>
          </a:xfrm>
        </p:spPr>
        <p:txBody>
          <a:bodyPr>
            <a:noAutofit/>
          </a:bodyPr>
          <a:lstStyle/>
          <a:p>
            <a:r>
              <a:rPr lang="en-US" sz="2400" dirty="0"/>
              <a:t>Non-PFAS formulations aren’t effective hexavalent chromium mist </a:t>
            </a:r>
            <a:r>
              <a:rPr lang="en-US" sz="2400" dirty="0" smtClean="0"/>
              <a:t>suppressants</a:t>
            </a:r>
          </a:p>
          <a:p>
            <a:pPr marL="0" indent="0">
              <a:buNone/>
            </a:pPr>
            <a:endParaRPr lang="en-US" sz="900" dirty="0"/>
          </a:p>
          <a:p>
            <a:r>
              <a:rPr lang="en-US" sz="2400" dirty="0" smtClean="0"/>
              <a:t>Generally accepted that </a:t>
            </a:r>
            <a:r>
              <a:rPr lang="en-US" sz="2400" dirty="0" err="1" smtClean="0"/>
              <a:t>fluorotelomers</a:t>
            </a:r>
            <a:r>
              <a:rPr lang="en-US" sz="2400" dirty="0" smtClean="0"/>
              <a:t> are:</a:t>
            </a:r>
          </a:p>
          <a:p>
            <a:pPr lvl="1"/>
            <a:r>
              <a:rPr lang="en-US" sz="2400" b="1" dirty="0" smtClean="0"/>
              <a:t>Less persistent</a:t>
            </a:r>
          </a:p>
          <a:p>
            <a:pPr lvl="1"/>
            <a:r>
              <a:rPr lang="en-US" sz="2400" b="1" dirty="0" smtClean="0"/>
              <a:t>Less </a:t>
            </a:r>
            <a:r>
              <a:rPr lang="en-US" sz="2400" b="1" dirty="0" err="1" smtClean="0"/>
              <a:t>bioaccumulative</a:t>
            </a:r>
            <a:endParaRPr lang="en-US" sz="2400" b="1" dirty="0" smtClean="0"/>
          </a:p>
          <a:p>
            <a:pPr lvl="1"/>
            <a:r>
              <a:rPr lang="en-US" sz="2400" b="1" dirty="0" smtClean="0"/>
              <a:t>Less toxic</a:t>
            </a:r>
          </a:p>
          <a:p>
            <a:pPr lvl="1"/>
            <a:endParaRPr lang="en-US" sz="900" b="1" dirty="0"/>
          </a:p>
          <a:p>
            <a:r>
              <a:rPr lang="en-US" sz="2400" dirty="0" smtClean="0"/>
              <a:t>Data gaps remain</a:t>
            </a:r>
          </a:p>
          <a:p>
            <a:pPr marL="0" indent="0">
              <a:buNone/>
            </a:pPr>
            <a:endParaRPr lang="en-US" sz="2400" dirty="0" smtClean="0"/>
          </a:p>
        </p:txBody>
      </p:sp>
      <p:sp>
        <p:nvSpPr>
          <p:cNvPr id="9" name="TextBox 8"/>
          <p:cNvSpPr txBox="1"/>
          <p:nvPr/>
        </p:nvSpPr>
        <p:spPr>
          <a:xfrm>
            <a:off x="6566673" y="1574934"/>
            <a:ext cx="775277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200" dirty="0" smtClean="0"/>
              <a:t>PFOS</a:t>
            </a:r>
            <a:endParaRPr lang="en-US" sz="2200" dirty="0"/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 rotWithShape="1">
          <a:blip r:embed="rId3"/>
          <a:srcRect t="37642" b="38435"/>
          <a:stretch/>
        </p:blipFill>
        <p:spPr>
          <a:xfrm>
            <a:off x="4892675" y="2058492"/>
            <a:ext cx="3930392" cy="940267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 rotWithShape="1">
          <a:blip r:embed="rId4"/>
          <a:srcRect l="-716" t="32866" r="716" b="34060"/>
          <a:stretch/>
        </p:blipFill>
        <p:spPr>
          <a:xfrm>
            <a:off x="5091895" y="4850487"/>
            <a:ext cx="3726092" cy="1232391"/>
          </a:xfrm>
          <a:prstGeom prst="rect">
            <a:avLst/>
          </a:prstGeom>
        </p:spPr>
      </p:pic>
      <p:sp>
        <p:nvSpPr>
          <p:cNvPr id="27" name="TextBox 26"/>
          <p:cNvSpPr txBox="1"/>
          <p:nvPr/>
        </p:nvSpPr>
        <p:spPr>
          <a:xfrm>
            <a:off x="6500926" y="4419600"/>
            <a:ext cx="1005660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200" dirty="0" smtClean="0"/>
              <a:t>6:2 FTS</a:t>
            </a:r>
            <a:endParaRPr lang="en-US" sz="2200" dirty="0"/>
          </a:p>
        </p:txBody>
      </p:sp>
      <p:sp>
        <p:nvSpPr>
          <p:cNvPr id="2" name="Down Arrow 1"/>
          <p:cNvSpPr/>
          <p:nvPr/>
        </p:nvSpPr>
        <p:spPr>
          <a:xfrm>
            <a:off x="7010400" y="3429000"/>
            <a:ext cx="331550" cy="60960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3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0304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ed Rectangle 7"/>
          <p:cNvSpPr/>
          <p:nvPr/>
        </p:nvSpPr>
        <p:spPr>
          <a:xfrm>
            <a:off x="772716" y="1925639"/>
            <a:ext cx="3657600" cy="45720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algn="ctr">
              <a:buFont typeface="Arial" panose="020B0604020202020204" pitchFamily="34" charset="0"/>
              <a:buChar char="•"/>
            </a:pP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1" y="209973"/>
            <a:ext cx="6248400" cy="1325563"/>
          </a:xfrm>
        </p:spPr>
        <p:txBody>
          <a:bodyPr>
            <a:noAutofit/>
          </a:bodyPr>
          <a:lstStyle/>
          <a:p>
            <a:r>
              <a:rPr lang="en-US" dirty="0"/>
              <a:t>Available Data to Support the Transition to 6:2 FTS – </a:t>
            </a:r>
            <a:br>
              <a:rPr lang="en-US" dirty="0"/>
            </a:br>
            <a:r>
              <a:rPr lang="en-US" dirty="0" smtClean="0"/>
              <a:t>Data gaps </a:t>
            </a:r>
            <a:r>
              <a:rPr lang="en-US" dirty="0"/>
              <a:t>Remai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772715" y="1925640"/>
            <a:ext cx="3657601" cy="600098"/>
          </a:xfrm>
        </p:spPr>
        <p:txBody>
          <a:bodyPr>
            <a:noAutofit/>
          </a:bodyPr>
          <a:lstStyle/>
          <a:p>
            <a:pPr algn="ctr"/>
            <a:r>
              <a:rPr lang="en-US" sz="3000" dirty="0" smtClean="0">
                <a:solidFill>
                  <a:schemeClr val="accent1">
                    <a:lumMod val="75000"/>
                  </a:schemeClr>
                </a:solidFill>
              </a:rPr>
              <a:t>Supporting Data</a:t>
            </a:r>
            <a:endParaRPr lang="en-US" sz="30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5056583" y="1925639"/>
            <a:ext cx="3657600" cy="45720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algn="ctr">
              <a:buFont typeface="Arial" panose="020B0604020202020204" pitchFamily="34" charset="0"/>
              <a:buChar char="•"/>
            </a:pPr>
            <a:endParaRPr lang="en-US"/>
          </a:p>
        </p:txBody>
      </p:sp>
      <p:sp>
        <p:nvSpPr>
          <p:cNvPr id="13" name="Text Placeholder 3"/>
          <p:cNvSpPr>
            <a:spLocks noGrp="1"/>
          </p:cNvSpPr>
          <p:nvPr>
            <p:ph type="body" idx="1"/>
          </p:nvPr>
        </p:nvSpPr>
        <p:spPr>
          <a:xfrm>
            <a:off x="5056583" y="1925639"/>
            <a:ext cx="3657599" cy="600099"/>
          </a:xfrm>
        </p:spPr>
        <p:txBody>
          <a:bodyPr>
            <a:noAutofit/>
          </a:bodyPr>
          <a:lstStyle/>
          <a:p>
            <a:pPr algn="ctr"/>
            <a:r>
              <a:rPr lang="en-US" sz="3000" dirty="0" smtClean="0">
                <a:solidFill>
                  <a:schemeClr val="accent1">
                    <a:lumMod val="75000"/>
                  </a:schemeClr>
                </a:solidFill>
              </a:rPr>
              <a:t>Data Gaps</a:t>
            </a:r>
            <a:endParaRPr lang="en-US" sz="30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4" name="Content Placeholder 4"/>
          <p:cNvSpPr>
            <a:spLocks noGrp="1"/>
          </p:cNvSpPr>
          <p:nvPr>
            <p:ph sz="half" idx="2"/>
          </p:nvPr>
        </p:nvSpPr>
        <p:spPr>
          <a:xfrm>
            <a:off x="772714" y="2639833"/>
            <a:ext cx="3494485" cy="3684588"/>
          </a:xfrm>
        </p:spPr>
        <p:txBody>
          <a:bodyPr>
            <a:normAutofit fontScale="92500" lnSpcReduction="20000"/>
          </a:bodyPr>
          <a:lstStyle/>
          <a:p>
            <a:pPr marL="457200" indent="-457200">
              <a:buFont typeface="+mj-lt"/>
              <a:buAutoNum type="arabicPeriod"/>
            </a:pPr>
            <a:r>
              <a:rPr lang="en-US" sz="2200" dirty="0" smtClean="0"/>
              <a:t>Lower human exposure to 6:2 FTS compared to PFOS</a:t>
            </a:r>
          </a:p>
          <a:p>
            <a:pPr marL="0" indent="0">
              <a:buNone/>
            </a:pPr>
            <a:r>
              <a:rPr lang="en-US" sz="2000" dirty="0" smtClean="0"/>
              <a:t> </a:t>
            </a:r>
          </a:p>
          <a:p>
            <a:pPr marL="457200" indent="-457200">
              <a:buFont typeface="+mj-lt"/>
              <a:buAutoNum type="arabicPeriod" startAt="2"/>
            </a:pPr>
            <a:r>
              <a:rPr lang="en-US" sz="2200" dirty="0" smtClean="0"/>
              <a:t>PFOS is persistent; 6:2 FTS </a:t>
            </a:r>
            <a:r>
              <a:rPr lang="en-US" sz="2200" u="sng" dirty="0" smtClean="0"/>
              <a:t>can biodegrade</a:t>
            </a:r>
          </a:p>
          <a:p>
            <a:pPr marL="0" indent="0">
              <a:buNone/>
            </a:pPr>
            <a:endParaRPr lang="en-US" sz="2000" u="sng" dirty="0" smtClean="0"/>
          </a:p>
          <a:p>
            <a:pPr marL="457200" indent="-457200">
              <a:buFont typeface="+mj-lt"/>
              <a:buAutoNum type="arabicPeriod" startAt="3"/>
            </a:pPr>
            <a:r>
              <a:rPr lang="en-US" sz="2200" dirty="0" smtClean="0"/>
              <a:t>6:2 FTS is </a:t>
            </a:r>
            <a:r>
              <a:rPr lang="en-US" sz="2200" u="sng" dirty="0" smtClean="0"/>
              <a:t>not considered </a:t>
            </a:r>
            <a:r>
              <a:rPr lang="en-US" sz="2200" u="sng" dirty="0" err="1" smtClean="0"/>
              <a:t>bioaccumulative</a:t>
            </a:r>
            <a:r>
              <a:rPr lang="en-US" sz="2200" u="sng" dirty="0" smtClean="0"/>
              <a:t> </a:t>
            </a:r>
          </a:p>
          <a:p>
            <a:pPr marL="457200" indent="-457200">
              <a:buFont typeface="+mj-lt"/>
              <a:buAutoNum type="arabicPeriod" startAt="3"/>
            </a:pPr>
            <a:endParaRPr lang="en-US" sz="2200" u="sng" dirty="0"/>
          </a:p>
          <a:p>
            <a:pPr marL="457200" indent="-457200">
              <a:buFont typeface="+mj-lt"/>
              <a:buAutoNum type="arabicPeriod" startAt="3"/>
            </a:pPr>
            <a:r>
              <a:rPr lang="en-US" sz="2200" dirty="0" smtClean="0"/>
              <a:t>6:2 FTS is </a:t>
            </a:r>
            <a:r>
              <a:rPr lang="en-US" sz="2200" u="sng" dirty="0" smtClean="0"/>
              <a:t>less toxic </a:t>
            </a:r>
            <a:r>
              <a:rPr lang="en-US" sz="2200" dirty="0" smtClean="0"/>
              <a:t>than PFOS to some organisms</a:t>
            </a:r>
          </a:p>
        </p:txBody>
      </p:sp>
      <p:sp>
        <p:nvSpPr>
          <p:cNvPr id="15" name="Content Placeholder 6"/>
          <p:cNvSpPr>
            <a:spLocks noGrp="1"/>
          </p:cNvSpPr>
          <p:nvPr>
            <p:ph sz="quarter" idx="4"/>
          </p:nvPr>
        </p:nvSpPr>
        <p:spPr>
          <a:xfrm>
            <a:off x="5181600" y="2546377"/>
            <a:ext cx="3532582" cy="3951262"/>
          </a:xfrm>
        </p:spPr>
        <p:txBody>
          <a:bodyPr>
            <a:no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Few studies have monitored human exposure to 6:2 FTS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Degradation products not fully characterized</a:t>
            </a: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Bioaccumulation of 6:2 FTS in humans is not characterized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No long term studies and toxicity of 6:2 FTS to humans is unknown</a:t>
            </a:r>
            <a:endParaRPr lang="en-US" sz="1800" dirty="0" smtClean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77000" y="58737"/>
            <a:ext cx="1985962" cy="1846263"/>
          </a:xfrm>
          <a:prstGeom prst="rect">
            <a:avLst/>
          </a:prstGeom>
        </p:spPr>
      </p:pic>
      <p:sp>
        <p:nvSpPr>
          <p:cNvPr id="12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3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19860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NASF/Policy Group Doing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3048000"/>
            <a:ext cx="8229600" cy="2159620"/>
          </a:xfrm>
        </p:spPr>
        <p:txBody>
          <a:bodyPr>
            <a:noAutofit/>
          </a:bodyPr>
          <a:lstStyle/>
          <a:p>
            <a:pPr>
              <a:spcBef>
                <a:spcPts val="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en-US" dirty="0"/>
              <a:t>NASF PFAS Technical Working Group</a:t>
            </a:r>
          </a:p>
          <a:p>
            <a:pPr>
              <a:spcBef>
                <a:spcPts val="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en-US" dirty="0" smtClean="0"/>
              <a:t>Identifying and securing experts and resources</a:t>
            </a:r>
          </a:p>
          <a:p>
            <a:pPr>
              <a:spcBef>
                <a:spcPts val="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en-US" dirty="0" smtClean="0"/>
              <a:t>Meeting with stakeholders to understand landscape</a:t>
            </a:r>
          </a:p>
          <a:p>
            <a:pPr>
              <a:spcBef>
                <a:spcPts val="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en-US" dirty="0" smtClean="0"/>
              <a:t>Helping to prioritize </a:t>
            </a:r>
            <a:r>
              <a:rPr lang="en-US" dirty="0" smtClean="0"/>
              <a:t>actions</a:t>
            </a: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1</a:t>
            </a:r>
            <a:endParaRPr lang="en-US" dirty="0"/>
          </a:p>
        </p:txBody>
      </p:sp>
      <p:graphicFrame>
        <p:nvGraphicFramePr>
          <p:cNvPr id="6" name="Content Placeholder 1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713983732"/>
              </p:ext>
            </p:extLst>
          </p:nvPr>
        </p:nvGraphicFramePr>
        <p:xfrm>
          <a:off x="2819400" y="914400"/>
          <a:ext cx="3352800" cy="1828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575706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Graphic spid="6" grpId="0">
        <p:bldAsOne/>
      </p:bldGraphic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ASF Identified 4 Priority Issues</a:t>
            </a:r>
            <a:endParaRPr lang="en-US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3363324495"/>
              </p:ext>
            </p:extLst>
          </p:nvPr>
        </p:nvGraphicFramePr>
        <p:xfrm>
          <a:off x="-12700" y="1219200"/>
          <a:ext cx="9448800" cy="4749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1898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409" t="19945" r="18244" b="15708"/>
          <a:stretch/>
        </p:blipFill>
        <p:spPr>
          <a:xfrm>
            <a:off x="533399" y="914400"/>
            <a:ext cx="8230295" cy="5715000"/>
          </a:xfrm>
          <a:prstGeom prst="rect">
            <a:avLst/>
          </a:prstGeom>
        </p:spPr>
      </p:pic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533400" y="-7620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Per- and </a:t>
            </a:r>
            <a:r>
              <a:rPr lang="en-US" dirty="0" err="1" smtClean="0"/>
              <a:t>Polyfluoroalkyl</a:t>
            </a:r>
            <a:r>
              <a:rPr lang="en-US" dirty="0" smtClean="0"/>
              <a:t> Substances (PFAS)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1567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6454" y="1143000"/>
            <a:ext cx="9037546" cy="546688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Metal Plating Shop Effluent is Only One Contributor of PFAS to POTWs</a:t>
            </a:r>
            <a:endParaRPr lang="en-US" dirty="0"/>
          </a:p>
        </p:txBody>
      </p:sp>
      <p:sp>
        <p:nvSpPr>
          <p:cNvPr id="6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93205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Take Home Messag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71600"/>
            <a:ext cx="8382000" cy="3505200"/>
          </a:xfrm>
        </p:spPr>
        <p:txBody>
          <a:bodyPr>
            <a:noAutofit/>
          </a:bodyPr>
          <a:lstStyle/>
          <a:p>
            <a:r>
              <a:rPr lang="en-US" dirty="0" smtClean="0"/>
              <a:t>Intense state and community focus on PFAS</a:t>
            </a:r>
          </a:p>
          <a:p>
            <a:pPr lvl="1"/>
            <a:r>
              <a:rPr lang="en-US" sz="2400" dirty="0" smtClean="0"/>
              <a:t>Disparate regulatory actions, public mistrust, and increasing litigation</a:t>
            </a:r>
          </a:p>
          <a:p>
            <a:r>
              <a:rPr lang="en-US" dirty="0" smtClean="0"/>
              <a:t>Increasing scrutiny on metal plating industry as an environmental source</a:t>
            </a:r>
          </a:p>
          <a:p>
            <a:r>
              <a:rPr lang="en-US" dirty="0" smtClean="0"/>
              <a:t>NASF/Policy Group has been, and will continue to be, engaged and actively promoting </a:t>
            </a:r>
          </a:p>
          <a:p>
            <a:pPr lvl="1"/>
            <a:r>
              <a:rPr lang="en-US" sz="2400" dirty="0" smtClean="0"/>
              <a:t>sound science-based regulations, and </a:t>
            </a:r>
          </a:p>
          <a:p>
            <a:pPr lvl="1"/>
            <a:r>
              <a:rPr lang="en-US" sz="2400" dirty="0" smtClean="0"/>
              <a:t>best industry practices</a:t>
            </a: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66627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8" name="Group 17"/>
          <p:cNvGrpSpPr/>
          <p:nvPr/>
        </p:nvGrpSpPr>
        <p:grpSpPr>
          <a:xfrm>
            <a:off x="502685" y="5323505"/>
            <a:ext cx="3173113" cy="1176097"/>
            <a:chOff x="549340" y="4642371"/>
            <a:chExt cx="2205479" cy="1176097"/>
          </a:xfrm>
        </p:grpSpPr>
        <p:sp>
          <p:nvSpPr>
            <p:cNvPr id="9" name="TextBox 8"/>
            <p:cNvSpPr txBox="1"/>
            <p:nvPr/>
          </p:nvSpPr>
          <p:spPr>
            <a:xfrm>
              <a:off x="549340" y="4642371"/>
              <a:ext cx="2205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914400"/>
              <a:r>
                <a:rPr lang="en-US" dirty="0" smtClean="0">
                  <a:solidFill>
                    <a:srgbClr val="323232"/>
                  </a:solidFill>
                  <a:latin typeface="Trebuchet MS" panose="020B0603020202020204" pitchFamily="34" charset="0"/>
                </a:rPr>
                <a:t>Janet Anderson, Ph.D., DABT</a:t>
              </a:r>
              <a:endParaRPr lang="en-US" dirty="0">
                <a:solidFill>
                  <a:srgbClr val="323232"/>
                </a:solidFill>
                <a:latin typeface="Trebuchet MS" panose="020B0603020202020204" pitchFamily="34" charset="0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549340" y="4918222"/>
              <a:ext cx="1778440" cy="90024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914400"/>
              <a:r>
                <a:rPr lang="en-US" sz="1050" i="1" dirty="0" smtClean="0">
                  <a:solidFill>
                    <a:prstClr val="black"/>
                  </a:solidFill>
                  <a:latin typeface="Trebuchet MS" panose="020B0603020202020204" pitchFamily="34" charset="0"/>
                </a:rPr>
                <a:t>Toxicologist | Senior Consultant</a:t>
              </a:r>
            </a:p>
            <a:p>
              <a:pPr defTabSz="914400"/>
              <a:endParaRPr lang="en-US" sz="1400" dirty="0" smtClean="0">
                <a:solidFill>
                  <a:srgbClr val="323232"/>
                </a:solidFill>
                <a:latin typeface="Trebuchet MS" panose="020B0603020202020204" pitchFamily="34" charset="0"/>
              </a:endParaRPr>
            </a:p>
            <a:p>
              <a:pPr defTabSz="914400"/>
              <a:r>
                <a:rPr lang="en-US" sz="1400" dirty="0" smtClean="0">
                  <a:solidFill>
                    <a:srgbClr val="323232"/>
                  </a:solidFill>
                  <a:latin typeface="Trebuchet MS" panose="020B0603020202020204" pitchFamily="34" charset="0"/>
                </a:rPr>
                <a:t>janderson@integral-corp.com</a:t>
              </a:r>
            </a:p>
            <a:p>
              <a:pPr defTabSz="914400"/>
              <a:r>
                <a:rPr lang="en-US" sz="1400" dirty="0" smtClean="0">
                  <a:solidFill>
                    <a:srgbClr val="323232"/>
                  </a:solidFill>
                  <a:latin typeface="Trebuchet MS" panose="020B0603020202020204" pitchFamily="34" charset="0"/>
                </a:rPr>
                <a:t>513.226.6528</a:t>
              </a:r>
              <a:endParaRPr lang="en-US" sz="1400" dirty="0">
                <a:solidFill>
                  <a:srgbClr val="323232"/>
                </a:solidFill>
                <a:latin typeface="Trebuchet MS" panose="020B0603020202020204" pitchFamily="34" charset="0"/>
              </a:endParaRPr>
            </a:p>
          </p:txBody>
        </p:sp>
      </p:grpSp>
      <p:cxnSp>
        <p:nvCxnSpPr>
          <p:cNvPr id="17" name="Straight Connector 16"/>
          <p:cNvCxnSpPr/>
          <p:nvPr/>
        </p:nvCxnSpPr>
        <p:spPr>
          <a:xfrm>
            <a:off x="578498" y="5150491"/>
            <a:ext cx="7987004" cy="0"/>
          </a:xfrm>
          <a:prstGeom prst="line">
            <a:avLst/>
          </a:prstGeom>
          <a:ln>
            <a:solidFill>
              <a:srgbClr val="8D8D8D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15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822" y="3666100"/>
            <a:ext cx="1851039" cy="134877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1939"/>
          <a:stretch/>
        </p:blipFill>
        <p:spPr>
          <a:xfrm>
            <a:off x="0" y="0"/>
            <a:ext cx="9144000" cy="3525627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3276600" y="838200"/>
            <a:ext cx="4953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4000" b="1" dirty="0" smtClean="0">
                <a:solidFill>
                  <a:prstClr val="white"/>
                </a:solidFill>
              </a:rPr>
              <a:t>Questions?</a:t>
            </a:r>
            <a:endParaRPr lang="en-US" sz="4000" b="1" dirty="0">
              <a:solidFill>
                <a:prstClr val="white"/>
              </a:solidFill>
            </a:endParaRPr>
          </a:p>
        </p:txBody>
      </p:sp>
      <p:pic>
        <p:nvPicPr>
          <p:cNvPr id="13" name="Picture 12"/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90499" y="1489351"/>
            <a:ext cx="1963002" cy="1956810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2400" y="4112060"/>
            <a:ext cx="4863401" cy="2012113"/>
          </a:xfrm>
          <a:prstGeom prst="rect">
            <a:avLst/>
          </a:prstGeom>
        </p:spPr>
      </p:pic>
      <p:sp>
        <p:nvSpPr>
          <p:cNvPr id="12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77795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</p:spPr>
        <p:txBody>
          <a:bodyPr>
            <a:noAutofit/>
          </a:bodyPr>
          <a:lstStyle/>
          <a:p>
            <a:r>
              <a:rPr lang="en-US" dirty="0" smtClean="0"/>
              <a:t>Understand Detections of PFOS in Facility Efflu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67107" y="2103437"/>
            <a:ext cx="3976293" cy="4525963"/>
          </a:xfrm>
        </p:spPr>
        <p:txBody>
          <a:bodyPr>
            <a:normAutofit/>
          </a:bodyPr>
          <a:lstStyle/>
          <a:p>
            <a:r>
              <a:rPr lang="en-US" sz="2400" dirty="0" smtClean="0"/>
              <a:t>EPA Region 5 (Michigan)</a:t>
            </a:r>
          </a:p>
          <a:p>
            <a:r>
              <a:rPr lang="en-US" sz="2400" dirty="0" smtClean="0"/>
              <a:t>Ensure sound science and logic drive sampling program and data interpretation</a:t>
            </a:r>
          </a:p>
          <a:p>
            <a:r>
              <a:rPr lang="en-US" sz="2400" dirty="0"/>
              <a:t>Collaborate with regulators &amp; other stakeholders</a:t>
            </a:r>
          </a:p>
          <a:p>
            <a:pPr marL="0" indent="0">
              <a:buNone/>
            </a:pPr>
            <a:endParaRPr lang="en-US" sz="24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95800" y="1905000"/>
            <a:ext cx="4505325" cy="283845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8686800" y="2819400"/>
            <a:ext cx="685800" cy="762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8869045" y="4181475"/>
            <a:ext cx="685800" cy="762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4977452" y="5029696"/>
            <a:ext cx="423449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Source: EPA 1998. Characterizing Risk at Metal Finishing Facilities</a:t>
            </a:r>
            <a:endParaRPr lang="en-US" sz="1200" dirty="0"/>
          </a:p>
        </p:txBody>
      </p:sp>
      <p:sp>
        <p:nvSpPr>
          <p:cNvPr id="9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45430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000" y="381000"/>
            <a:ext cx="8077200" cy="1143000"/>
          </a:xfrm>
        </p:spPr>
        <p:txBody>
          <a:bodyPr>
            <a:noAutofit/>
          </a:bodyPr>
          <a:lstStyle/>
          <a:p>
            <a:r>
              <a:rPr lang="en-US" sz="3400" dirty="0" smtClean="0"/>
              <a:t>Mist Suppressant Formulations Still Contain PFAS, but Exact Formulations are Confidential</a:t>
            </a:r>
            <a:endParaRPr lang="en-US" sz="34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17202" y="2223236"/>
            <a:ext cx="5344160" cy="4525963"/>
          </a:xfrm>
        </p:spPr>
        <p:txBody>
          <a:bodyPr/>
          <a:lstStyle/>
          <a:p>
            <a:r>
              <a:rPr lang="en-US" dirty="0" smtClean="0"/>
              <a:t>Collaborate with industry suppliers and regulators</a:t>
            </a:r>
          </a:p>
          <a:p>
            <a:r>
              <a:rPr lang="en-US" dirty="0" smtClean="0"/>
              <a:t>Ensure a data-driven analytical plan that protects CBI and helps resolve questions</a:t>
            </a:r>
          </a:p>
          <a:p>
            <a:pPr lvl="1"/>
            <a:r>
              <a:rPr lang="en-US" sz="2400" dirty="0" smtClean="0"/>
              <a:t>Active ingredients</a:t>
            </a:r>
          </a:p>
          <a:p>
            <a:pPr lvl="1"/>
            <a:r>
              <a:rPr lang="en-US" sz="2400" dirty="0" smtClean="0"/>
              <a:t>Impurities</a:t>
            </a:r>
            <a:endParaRPr lang="en-US" sz="2400" dirty="0"/>
          </a:p>
        </p:txBody>
      </p:sp>
      <p:sp>
        <p:nvSpPr>
          <p:cNvPr id="6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44</a:t>
            </a:r>
            <a:endParaRPr lang="en-US" dirty="0"/>
          </a:p>
        </p:txBody>
      </p:sp>
      <p:grpSp>
        <p:nvGrpSpPr>
          <p:cNvPr id="8" name="Group 7"/>
          <p:cNvGrpSpPr/>
          <p:nvPr/>
        </p:nvGrpSpPr>
        <p:grpSpPr>
          <a:xfrm>
            <a:off x="5628232" y="1981200"/>
            <a:ext cx="2491094" cy="4291634"/>
            <a:chOff x="5985662" y="2286000"/>
            <a:chExt cx="2491094" cy="4291634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 rotWithShape="1">
            <a:blip r:embed="rId3"/>
            <a:srcRect l="21048" r="24095"/>
            <a:stretch/>
          </p:blipFill>
          <p:spPr>
            <a:xfrm>
              <a:off x="5985662" y="4191000"/>
              <a:ext cx="1969486" cy="2386634"/>
            </a:xfrm>
            <a:prstGeom prst="rect">
              <a:avLst/>
            </a:prstGeom>
          </p:spPr>
        </p:pic>
        <p:pic>
          <p:nvPicPr>
            <p:cNvPr id="4" name="Picture 3"/>
            <p:cNvPicPr>
              <a:picLocks noChangeAspect="1"/>
            </p:cNvPicPr>
            <p:nvPr/>
          </p:nvPicPr>
          <p:blipFill rotWithShape="1">
            <a:blip r:embed="rId4"/>
            <a:srcRect l="11165" t="1870" r="10000" b="4470"/>
            <a:stretch/>
          </p:blipFill>
          <p:spPr>
            <a:xfrm>
              <a:off x="7063029" y="2286000"/>
              <a:ext cx="1413727" cy="2582319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7826884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ck-up Slides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27481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501054" y="428426"/>
            <a:ext cx="8119872" cy="685800"/>
          </a:xfrm>
        </p:spPr>
        <p:txBody>
          <a:bodyPr/>
          <a:lstStyle/>
          <a:p>
            <a:pPr algn="ctr"/>
            <a:r>
              <a:rPr lang="en-US" sz="3200" dirty="0">
                <a:solidFill>
                  <a:srgbClr val="26455C"/>
                </a:solidFill>
              </a:rPr>
              <a:t>PFOA/PFOS </a:t>
            </a:r>
            <a:r>
              <a:rPr lang="en-US" sz="3200" dirty="0" smtClean="0">
                <a:solidFill>
                  <a:srgbClr val="26455C"/>
                </a:solidFill>
              </a:rPr>
              <a:t/>
            </a:r>
            <a:br>
              <a:rPr lang="en-US" sz="3200" dirty="0" smtClean="0">
                <a:solidFill>
                  <a:srgbClr val="26455C"/>
                </a:solidFill>
              </a:rPr>
            </a:br>
            <a:r>
              <a:rPr lang="en-US" sz="3200" dirty="0" smtClean="0">
                <a:solidFill>
                  <a:srgbClr val="26455C"/>
                </a:solidFill>
              </a:rPr>
              <a:t>Human </a:t>
            </a:r>
            <a:r>
              <a:rPr lang="en-US" sz="3200" dirty="0">
                <a:solidFill>
                  <a:srgbClr val="26455C"/>
                </a:solidFill>
              </a:rPr>
              <a:t>Data </a:t>
            </a:r>
            <a:r>
              <a:rPr lang="en-US" sz="3200" dirty="0" smtClean="0">
                <a:solidFill>
                  <a:srgbClr val="26455C"/>
                </a:solidFill>
              </a:rPr>
              <a:t>Challenging </a:t>
            </a:r>
            <a:r>
              <a:rPr lang="en-US" sz="3200" dirty="0">
                <a:solidFill>
                  <a:srgbClr val="26455C"/>
                </a:solidFill>
              </a:rPr>
              <a:t>to Interpret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372979" y="1608378"/>
            <a:ext cx="8410074" cy="149352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/>
              <a:t>Overall weight of evidence has NOT identified a strong association between exposure to a specific PFAS and any adverse health outcome</a:t>
            </a:r>
          </a:p>
        </p:txBody>
      </p:sp>
      <p:grpSp>
        <p:nvGrpSpPr>
          <p:cNvPr id="2" name="Group 1"/>
          <p:cNvGrpSpPr/>
          <p:nvPr/>
        </p:nvGrpSpPr>
        <p:grpSpPr>
          <a:xfrm>
            <a:off x="313843" y="3292642"/>
            <a:ext cx="4247147" cy="3336758"/>
            <a:chOff x="313843" y="3292642"/>
            <a:chExt cx="4247147" cy="3336758"/>
          </a:xfrm>
        </p:grpSpPr>
        <p:sp>
          <p:nvSpPr>
            <p:cNvPr id="6" name="Round Same Side Corner Rectangle 5"/>
            <p:cNvSpPr/>
            <p:nvPr/>
          </p:nvSpPr>
          <p:spPr>
            <a:xfrm>
              <a:off x="372979" y="3292642"/>
              <a:ext cx="4087368" cy="990600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/>
              <a:r>
                <a:rPr lang="en-US" sz="2000" dirty="0"/>
                <a:t>EPA and ATSDR: Most consistent evidence generally exists for associations with: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313843" y="4382631"/>
              <a:ext cx="4247147" cy="2246769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↑ Cholesterol, liver enzymes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↓ Antibody response to vaccine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Pregnancy-induced hypertension/pre-eclampsia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Risk of thyroid disease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↓ Fertility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↓ Birth weight</a:t>
              </a: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4672362" y="3292642"/>
            <a:ext cx="4247147" cy="3336758"/>
            <a:chOff x="4672362" y="3292642"/>
            <a:chExt cx="4247147" cy="3336758"/>
          </a:xfrm>
        </p:grpSpPr>
        <p:sp>
          <p:nvSpPr>
            <p:cNvPr id="9" name="Round Same Side Corner Rectangle 8"/>
            <p:cNvSpPr/>
            <p:nvPr/>
          </p:nvSpPr>
          <p:spPr>
            <a:xfrm>
              <a:off x="4695685" y="3292642"/>
              <a:ext cx="4087368" cy="990600"/>
            </a:xfrm>
            <a:prstGeom prst="rect">
              <a:avLst/>
            </a:prstGeom>
            <a:solidFill>
              <a:schemeClr val="accent4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/>
              <a:r>
                <a:rPr lang="en-US" sz="2000" dirty="0"/>
                <a:t>AUS </a:t>
              </a:r>
              <a:r>
                <a:rPr lang="en-US" sz="2000" dirty="0" smtClean="0"/>
                <a:t>DOH: </a:t>
              </a:r>
              <a:r>
                <a:rPr lang="en-US" sz="2000" dirty="0"/>
                <a:t>Limited or no evidence for any causal link and any human disease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672362" y="4382631"/>
              <a:ext cx="4247147" cy="2246769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lvl="0"/>
              <a:r>
                <a:rPr lang="en-US" sz="2000" dirty="0"/>
                <a:t>Associations with some health outcomes but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Limited or no evidence of human disease 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Lack of clinical significance 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2000" dirty="0"/>
                <a:t>May be explained by reverse causation or </a:t>
              </a:r>
              <a:r>
                <a:rPr lang="en-US" sz="2000" dirty="0" smtClean="0"/>
                <a:t>confounding factors</a:t>
              </a:r>
              <a:endParaRPr lang="en-US" sz="2000" dirty="0"/>
            </a:p>
          </p:txBody>
        </p:sp>
      </p:grpSp>
    </p:spTree>
    <p:extLst>
      <p:ext uri="{BB962C8B-B14F-4D97-AF65-F5344CB8AC3E}">
        <p14:creationId xmlns:p14="http://schemas.microsoft.com/office/powerpoint/2010/main" val="40501009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63797" y="76200"/>
            <a:ext cx="9161432" cy="114300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Regulatory Numbers Based on Animal Data:</a:t>
            </a:r>
            <a:br>
              <a:rPr lang="en-US" dirty="0" smtClean="0"/>
            </a:br>
            <a:r>
              <a:rPr lang="en-US" dirty="0" smtClean="0"/>
              <a:t>Many Issues and Uncertainties…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>
          <a:xfrm>
            <a:off x="1057975" y="1368663"/>
            <a:ext cx="4355606" cy="4684098"/>
          </a:xfrm>
        </p:spPr>
        <p:txBody>
          <a:bodyPr>
            <a:no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/>
              <a:t>Developmental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/>
              <a:t>Immune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/>
              <a:t>Liver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 smtClean="0"/>
              <a:t>Thyroid</a:t>
            </a:r>
            <a:endParaRPr lang="en-US" sz="2400" dirty="0"/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sz="2400" dirty="0" smtClean="0"/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sz="1100" dirty="0" smtClean="0"/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 smtClean="0"/>
              <a:t>Liver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400" dirty="0" smtClean="0"/>
              <a:t>Cholesterol</a:t>
            </a:r>
          </a:p>
          <a:p>
            <a:pPr marL="400050" lvl="1" indent="0">
              <a:buNone/>
            </a:pPr>
            <a:r>
              <a:rPr lang="en-US" sz="2200" dirty="0" smtClean="0"/>
              <a:t>(not persistent)</a:t>
            </a:r>
          </a:p>
          <a:p>
            <a:pPr marL="400050" lvl="1" indent="0">
              <a:buNone/>
            </a:pPr>
            <a:endParaRPr lang="en-US" sz="2200" dirty="0"/>
          </a:p>
          <a:p>
            <a:pPr marL="0" indent="0">
              <a:buNone/>
            </a:pPr>
            <a:r>
              <a:rPr lang="en-US" sz="2200" b="1" u="sng" dirty="0" smtClean="0"/>
              <a:t>Policy and </a:t>
            </a:r>
            <a:r>
              <a:rPr lang="en-US" sz="2200" b="1" u="sng" dirty="0"/>
              <a:t>precautionary </a:t>
            </a:r>
            <a:r>
              <a:rPr lang="en-US" sz="2200" b="1" u="sng" dirty="0" smtClean="0"/>
              <a:t>principal </a:t>
            </a:r>
          </a:p>
          <a:p>
            <a:pPr marL="0" indent="0">
              <a:buNone/>
            </a:pPr>
            <a:endParaRPr lang="en-US" sz="2400" dirty="0"/>
          </a:p>
          <a:p>
            <a:endParaRPr lang="en-US" sz="24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t="20000" r="47687"/>
          <a:stretch/>
        </p:blipFill>
        <p:spPr>
          <a:xfrm>
            <a:off x="3962400" y="3692348"/>
            <a:ext cx="1940378" cy="200297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/>
          <a:srcRect l="15091" r="14488"/>
          <a:stretch/>
        </p:blipFill>
        <p:spPr>
          <a:xfrm>
            <a:off x="4035878" y="1676400"/>
            <a:ext cx="1752601" cy="1863548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54000" t="20000"/>
          <a:stretch/>
        </p:blipFill>
        <p:spPr>
          <a:xfrm>
            <a:off x="6702878" y="2690862"/>
            <a:ext cx="1706235" cy="2002971"/>
          </a:xfrm>
          <a:prstGeom prst="rect">
            <a:avLst/>
          </a:prstGeom>
        </p:spPr>
      </p:pic>
      <p:sp>
        <p:nvSpPr>
          <p:cNvPr id="10" name="Right Brace 9"/>
          <p:cNvSpPr/>
          <p:nvPr/>
        </p:nvSpPr>
        <p:spPr>
          <a:xfrm>
            <a:off x="5902778" y="2473148"/>
            <a:ext cx="876300" cy="2438400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Box 10"/>
          <p:cNvSpPr txBox="1"/>
          <p:nvPr/>
        </p:nvSpPr>
        <p:spPr>
          <a:xfrm>
            <a:off x="5902778" y="3064381"/>
            <a:ext cx="39786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b="1" dirty="0" smtClean="0"/>
              <a:t>?</a:t>
            </a:r>
            <a:endParaRPr lang="en-US" sz="3600" b="1" dirty="0"/>
          </a:p>
        </p:txBody>
      </p:sp>
      <p:sp>
        <p:nvSpPr>
          <p:cNvPr id="12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>
                <a:solidFill>
                  <a:prstClr val="white"/>
                </a:solidFill>
              </a:rPr>
              <a:t>24</a:t>
            </a:r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452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" y="122237"/>
            <a:ext cx="8800011" cy="1325563"/>
          </a:xfrm>
        </p:spPr>
        <p:txBody>
          <a:bodyPr>
            <a:normAutofit/>
          </a:bodyPr>
          <a:lstStyle/>
          <a:p>
            <a:r>
              <a:rPr lang="en-US" dirty="0" smtClean="0"/>
              <a:t>States – Leading the Charge, Not Just for Drinking Water Standards and Exposure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533400" y="1791831"/>
            <a:ext cx="6629400" cy="44935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Increasing list of </a:t>
            </a:r>
            <a:r>
              <a:rPr lang="en-US" sz="2200" dirty="0" err="1" smtClean="0"/>
              <a:t>analytes</a:t>
            </a:r>
            <a:endParaRPr lang="en-US" sz="22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Increasingly divergent priorit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Increased attention to non-AFFF sourc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Landfill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POTW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Additional exposure rout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Surface wat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Efflu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Soi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Foo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Increasing use of state legislatur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200" dirty="0" smtClean="0"/>
              <a:t>&gt;80 Legislative bills related to PFAS issued in FY18</a:t>
            </a:r>
          </a:p>
          <a:p>
            <a:pPr lvl="1"/>
            <a:endParaRPr lang="en-US" sz="2200" dirty="0" smtClean="0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-63798" y="6629400"/>
            <a:ext cx="381000" cy="228600"/>
          </a:xfrm>
        </p:spPr>
        <p:txBody>
          <a:bodyPr/>
          <a:lstStyle/>
          <a:p>
            <a:r>
              <a:rPr lang="en-US" dirty="0" smtClean="0"/>
              <a:t>29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91200" y="2971800"/>
            <a:ext cx="2983956" cy="1942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22044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182" y="179690"/>
            <a:ext cx="8668196" cy="1143000"/>
          </a:xfrm>
        </p:spPr>
        <p:txBody>
          <a:bodyPr>
            <a:normAutofit/>
          </a:bodyPr>
          <a:lstStyle/>
          <a:p>
            <a:r>
              <a:rPr lang="en-US" dirty="0" smtClean="0"/>
              <a:t>USEPA 2019 - PFAS Action Plan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/>
          </p:nvPr>
        </p:nvGraphicFramePr>
        <p:xfrm>
          <a:off x="376410" y="1109031"/>
          <a:ext cx="8529378" cy="5715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2805345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4" name="Group 33">
            <a:extLst>
              <a:ext uri="{FF2B5EF4-FFF2-40B4-BE49-F238E27FC236}">
                <a16:creationId xmlns:a16="http://schemas.microsoft.com/office/drawing/2014/main" id="{7E55323F-6CE3-4952-8C9A-9260B5CE3134}"/>
              </a:ext>
            </a:extLst>
          </p:cNvPr>
          <p:cNvGrpSpPr/>
          <p:nvPr/>
        </p:nvGrpSpPr>
        <p:grpSpPr>
          <a:xfrm>
            <a:off x="2513420" y="152400"/>
            <a:ext cx="6498633" cy="6285857"/>
            <a:chOff x="2513420" y="464129"/>
            <a:chExt cx="6498633" cy="6285857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2DE16980-AB26-4D88-A235-01F411A22C5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411" t="7907" r="9425" b="31163"/>
            <a:stretch/>
          </p:blipFill>
          <p:spPr>
            <a:xfrm>
              <a:off x="2513420" y="497963"/>
              <a:ext cx="6439188" cy="6248398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B1239C56-2CAD-4A84-A0A7-5849D5E08714}"/>
                </a:ext>
              </a:extLst>
            </p:cNvPr>
            <p:cNvSpPr txBox="1"/>
            <p:nvPr/>
          </p:nvSpPr>
          <p:spPr>
            <a:xfrm>
              <a:off x="7722997" y="6503765"/>
              <a:ext cx="1061509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solidFill>
                    <a:srgbClr val="FF0000"/>
                  </a:solidFill>
                </a:rPr>
                <a:t>Red = </a:t>
              </a:r>
              <a:r>
                <a:rPr lang="en-US" sz="1000" dirty="0" smtClean="0">
                  <a:solidFill>
                    <a:srgbClr val="FF0000"/>
                  </a:solidFill>
                </a:rPr>
                <a:t>Restricted</a:t>
              </a:r>
              <a:endParaRPr lang="en-US" sz="1000" baseline="30000" dirty="0">
                <a:solidFill>
                  <a:srgbClr val="FF0000"/>
                </a:solidFill>
              </a:endParaRPr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7C0F4989-300D-4AF0-8E76-84812A8D8B78}"/>
                </a:ext>
              </a:extLst>
            </p:cNvPr>
            <p:cNvSpPr txBox="1"/>
            <p:nvPr/>
          </p:nvSpPr>
          <p:spPr>
            <a:xfrm>
              <a:off x="5762851" y="464129"/>
              <a:ext cx="1555320" cy="4001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00" b="1" dirty="0">
                  <a:solidFill>
                    <a:schemeClr val="tx2"/>
                  </a:solidFill>
                </a:rPr>
                <a:t>Examples of </a:t>
              </a:r>
            </a:p>
            <a:p>
              <a:pPr algn="ctr"/>
              <a:r>
                <a:rPr lang="en-US" sz="1000" b="1" dirty="0">
                  <a:solidFill>
                    <a:schemeClr val="tx2"/>
                  </a:solidFill>
                </a:rPr>
                <a:t>Individual compounds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9C253275-6F30-440A-BCBF-1D9A41DFEDC8}"/>
                </a:ext>
              </a:extLst>
            </p:cNvPr>
            <p:cNvSpPr txBox="1"/>
            <p:nvPr/>
          </p:nvSpPr>
          <p:spPr>
            <a:xfrm>
              <a:off x="7263893" y="474924"/>
              <a:ext cx="1748160" cy="4001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00" b="1" dirty="0">
                  <a:solidFill>
                    <a:schemeClr val="tx2"/>
                  </a:solidFill>
                </a:rPr>
                <a:t>Number of peer-reviewed articles since 2002</a:t>
              </a:r>
            </a:p>
          </p:txBody>
        </p:sp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9A3B387A-AFFD-4AE4-9272-E49CBFF7EA90}"/>
              </a:ext>
            </a:extLst>
          </p:cNvPr>
          <p:cNvSpPr txBox="1"/>
          <p:nvPr/>
        </p:nvSpPr>
        <p:spPr>
          <a:xfrm>
            <a:off x="2276207" y="6596390"/>
            <a:ext cx="150483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>
                <a:solidFill>
                  <a:srgbClr val="4D6264"/>
                </a:solidFill>
              </a:rPr>
              <a:t>Wang </a:t>
            </a:r>
            <a:r>
              <a:rPr lang="en-US" sz="1100" dirty="0">
                <a:solidFill>
                  <a:srgbClr val="4D6264"/>
                </a:solidFill>
              </a:rPr>
              <a:t>et al. (2017)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2664371-D26E-4DF8-8002-9FA46769DC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6946" y="189646"/>
            <a:ext cx="8001000" cy="685800"/>
          </a:xfrm>
        </p:spPr>
        <p:txBody>
          <a:bodyPr>
            <a:normAutofit/>
          </a:bodyPr>
          <a:lstStyle/>
          <a:p>
            <a:pPr algn="l"/>
            <a:r>
              <a:rPr lang="en-US" sz="3200" dirty="0"/>
              <a:t>Family Tree of </a:t>
            </a:r>
            <a:r>
              <a:rPr lang="en-US" sz="3200" dirty="0" smtClean="0"/>
              <a:t>PFAS</a:t>
            </a:r>
            <a:endParaRPr lang="en-US" sz="3200" dirty="0"/>
          </a:p>
        </p:txBody>
      </p:sp>
      <p:sp>
        <p:nvSpPr>
          <p:cNvPr id="2" name="TextBox 1"/>
          <p:cNvSpPr txBox="1"/>
          <p:nvPr/>
        </p:nvSpPr>
        <p:spPr>
          <a:xfrm>
            <a:off x="228600" y="1600200"/>
            <a:ext cx="2800025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omplicated nomenclature and chemistr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&gt;4,000 may have </a:t>
            </a:r>
            <a:r>
              <a:rPr lang="en-US" dirty="0" smtClean="0"/>
              <a:t>been on, or associated with, the </a:t>
            </a:r>
            <a:r>
              <a:rPr lang="en-US" dirty="0" smtClean="0"/>
              <a:t>on global market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>
          <a:xfrm>
            <a:off x="2095529" y="4800600"/>
            <a:ext cx="1257271" cy="914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53323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569595" y="381000"/>
            <a:ext cx="2630805" cy="685800"/>
          </a:xfrm>
        </p:spPr>
        <p:txBody>
          <a:bodyPr/>
          <a:lstStyle/>
          <a:p>
            <a:r>
              <a:rPr lang="en-US" sz="3200" dirty="0" smtClean="0"/>
              <a:t>What Is Your PFAS </a:t>
            </a:r>
            <a:r>
              <a:rPr lang="en-US" sz="3200" dirty="0" err="1" smtClean="0"/>
              <a:t>Analyte</a:t>
            </a:r>
            <a:r>
              <a:rPr lang="en-US" sz="3200" dirty="0" smtClean="0"/>
              <a:t> List? </a:t>
            </a:r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52800" y="80144"/>
            <a:ext cx="5738993" cy="6721872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228600" y="2286000"/>
            <a:ext cx="3124200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USEPA Method 537.1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 smtClean="0"/>
              <a:t>12 PFAA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/>
              <a:t>2 </a:t>
            </a:r>
            <a:r>
              <a:rPr lang="en-US" dirty="0" smtClean="0"/>
              <a:t>precursor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 smtClean="0"/>
              <a:t>4 new – (</a:t>
            </a:r>
            <a:r>
              <a:rPr lang="en-US" dirty="0" err="1" smtClean="0"/>
              <a:t>GenX</a:t>
            </a:r>
            <a:r>
              <a:rPr lang="en-US" dirty="0" smtClean="0"/>
              <a:t>, ADONA, F-53B)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 smtClean="0"/>
              <a:t>18 total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Commercial lab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 smtClean="0"/>
              <a:t>~30-44 </a:t>
            </a:r>
            <a:r>
              <a:rPr lang="en-US" dirty="0" err="1" smtClean="0"/>
              <a:t>analytes</a:t>
            </a:r>
            <a:endParaRPr lang="en-US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Academia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dirty="0" smtClean="0"/>
              <a:t>~400 </a:t>
            </a:r>
            <a:r>
              <a:rPr lang="en-US" dirty="0" err="1" smtClean="0"/>
              <a:t>analytes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283237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otal </a:t>
            </a:r>
            <a:r>
              <a:rPr lang="en-US" dirty="0" err="1" smtClean="0"/>
              <a:t>Oxidizable</a:t>
            </a:r>
            <a:r>
              <a:rPr lang="en-US" dirty="0" smtClean="0"/>
              <a:t> Precursor Assay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01907" y="1902652"/>
            <a:ext cx="7242093" cy="43053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5" name="TextBox 4"/>
          <p:cNvSpPr txBox="1"/>
          <p:nvPr/>
        </p:nvSpPr>
        <p:spPr>
          <a:xfrm>
            <a:off x="4267200" y="6230254"/>
            <a:ext cx="456413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Source: </a:t>
            </a:r>
            <a:r>
              <a:rPr lang="en-US" sz="1600" dirty="0" err="1" smtClean="0"/>
              <a:t>TestAmerica</a:t>
            </a:r>
            <a:r>
              <a:rPr lang="en-US" sz="1600" dirty="0" smtClean="0"/>
              <a:t>: Closing the PFAS Mass Balance </a:t>
            </a:r>
          </a:p>
          <a:p>
            <a:r>
              <a:rPr lang="en-US" sz="1600" dirty="0" smtClean="0"/>
              <a:t>White </a:t>
            </a:r>
            <a:r>
              <a:rPr lang="en-US" sz="1600" dirty="0"/>
              <a:t>Paper No. CA-T-W-006, rev 1 - July, 2017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-2" y="1371600"/>
            <a:ext cx="1981201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/>
              <a:t>Is </a:t>
            </a:r>
            <a:r>
              <a:rPr lang="en-US" dirty="0" smtClean="0"/>
              <a:t>NOT </a:t>
            </a:r>
            <a:r>
              <a:rPr lang="en-US" dirty="0"/>
              <a:t>a predictor of </a:t>
            </a:r>
            <a:r>
              <a:rPr lang="en-US" dirty="0" smtClean="0"/>
              <a:t>abiotic </a:t>
            </a:r>
            <a:r>
              <a:rPr lang="en-US" dirty="0"/>
              <a:t>and biotic breakdown in </a:t>
            </a:r>
            <a:r>
              <a:rPr lang="en-US" dirty="0" smtClean="0"/>
              <a:t>environment</a:t>
            </a:r>
          </a:p>
          <a:p>
            <a:pPr lvl="0"/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smtClean="0"/>
              <a:t>Useful </a:t>
            </a:r>
            <a:r>
              <a:rPr lang="en-US" dirty="0"/>
              <a:t>for remedial design to account for loading, </a:t>
            </a:r>
            <a:r>
              <a:rPr lang="en-US" dirty="0" smtClean="0"/>
              <a:t>etc.</a:t>
            </a:r>
          </a:p>
          <a:p>
            <a:pPr lvl="0"/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smtClean="0"/>
              <a:t>Not </a:t>
            </a:r>
            <a:r>
              <a:rPr lang="en-US" dirty="0"/>
              <a:t>useful for risk assessment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19766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FAS Chemistry and Nomenclatur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4</a:t>
            </a:fld>
            <a:endParaRPr lang="en-US"/>
          </a:p>
        </p:txBody>
      </p:sp>
      <p:sp>
        <p:nvSpPr>
          <p:cNvPr id="5" name="Text Placeholder 22"/>
          <p:cNvSpPr txBox="1">
            <a:spLocks/>
          </p:cNvSpPr>
          <p:nvPr/>
        </p:nvSpPr>
        <p:spPr>
          <a:xfrm>
            <a:off x="305541" y="1450157"/>
            <a:ext cx="4083957" cy="5410200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8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4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2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600"/>
              </a:spcBef>
            </a:pPr>
            <a:r>
              <a:rPr lang="en-US" sz="2300" dirty="0" smtClean="0"/>
              <a:t>PFAS = Per- and </a:t>
            </a:r>
            <a:r>
              <a:rPr lang="en-US" sz="2300" dirty="0" err="1" smtClean="0"/>
              <a:t>Polyfluoroalkyl</a:t>
            </a:r>
            <a:r>
              <a:rPr lang="en-US" sz="2300" dirty="0" smtClean="0"/>
              <a:t> substances</a:t>
            </a:r>
          </a:p>
          <a:p>
            <a:pPr lvl="1">
              <a:spcBef>
                <a:spcPts val="600"/>
              </a:spcBef>
            </a:pPr>
            <a:r>
              <a:rPr lang="en-US" sz="2100" dirty="0" smtClean="0"/>
              <a:t>Two or more carbons joined, plus multiple </a:t>
            </a:r>
            <a:r>
              <a:rPr lang="en-US" sz="2100" dirty="0" err="1" smtClean="0"/>
              <a:t>fluorines</a:t>
            </a:r>
            <a:endParaRPr lang="en-US" sz="2100" dirty="0" smtClean="0"/>
          </a:p>
          <a:p>
            <a:pPr>
              <a:spcBef>
                <a:spcPts val="600"/>
              </a:spcBef>
            </a:pPr>
            <a:r>
              <a:rPr lang="en-US" sz="2500" dirty="0" err="1" smtClean="0"/>
              <a:t>Perfluoroalkyl</a:t>
            </a:r>
            <a:r>
              <a:rPr lang="en-US" sz="2500" dirty="0" smtClean="0"/>
              <a:t> acids</a:t>
            </a:r>
          </a:p>
          <a:p>
            <a:pPr lvl="1">
              <a:spcBef>
                <a:spcPts val="600"/>
              </a:spcBef>
            </a:pPr>
            <a:r>
              <a:rPr lang="en-US" sz="2200" dirty="0" smtClean="0"/>
              <a:t>“</a:t>
            </a:r>
            <a:r>
              <a:rPr lang="en-US" sz="2200" dirty="0"/>
              <a:t>Per” = fully </a:t>
            </a:r>
            <a:r>
              <a:rPr lang="en-US" sz="2200" dirty="0" smtClean="0"/>
              <a:t>fluorinated</a:t>
            </a:r>
            <a:endParaRPr lang="en-US" sz="2300" dirty="0" smtClean="0"/>
          </a:p>
          <a:p>
            <a:pPr lvl="1">
              <a:spcBef>
                <a:spcPts val="600"/>
              </a:spcBef>
            </a:pPr>
            <a:r>
              <a:rPr lang="en-US" sz="2100" dirty="0" smtClean="0"/>
              <a:t>e.g., </a:t>
            </a:r>
            <a:r>
              <a:rPr lang="en-US" sz="2100" b="1" u="sng" dirty="0" smtClean="0"/>
              <a:t>PFOS and PFOA</a:t>
            </a:r>
          </a:p>
          <a:p>
            <a:pPr>
              <a:spcBef>
                <a:spcPts val="600"/>
              </a:spcBef>
            </a:pPr>
            <a:r>
              <a:rPr lang="en-US" sz="2400" dirty="0" err="1" smtClean="0"/>
              <a:t>Polyfluoroalkyl</a:t>
            </a:r>
            <a:r>
              <a:rPr lang="en-US" sz="2400" dirty="0" smtClean="0"/>
              <a:t> substance</a:t>
            </a:r>
          </a:p>
          <a:p>
            <a:pPr lvl="1">
              <a:spcBef>
                <a:spcPts val="600"/>
              </a:spcBef>
            </a:pPr>
            <a:r>
              <a:rPr lang="en-US" sz="2200" dirty="0"/>
              <a:t>“</a:t>
            </a:r>
            <a:r>
              <a:rPr lang="en-US" sz="2200" dirty="0" smtClean="0"/>
              <a:t>Poly” </a:t>
            </a:r>
            <a:r>
              <a:rPr lang="en-US" sz="2200" dirty="0"/>
              <a:t>= </a:t>
            </a:r>
            <a:r>
              <a:rPr lang="en-US" sz="2200" dirty="0" smtClean="0"/>
              <a:t>many </a:t>
            </a:r>
            <a:r>
              <a:rPr lang="en-US" sz="2200" dirty="0" err="1" smtClean="0"/>
              <a:t>fluorines</a:t>
            </a:r>
            <a:endParaRPr lang="en-US" sz="2200" dirty="0" smtClean="0"/>
          </a:p>
          <a:p>
            <a:pPr lvl="1">
              <a:spcBef>
                <a:spcPts val="600"/>
              </a:spcBef>
            </a:pPr>
            <a:r>
              <a:rPr lang="en-US" sz="2100" dirty="0" smtClean="0"/>
              <a:t>e.g., </a:t>
            </a:r>
            <a:r>
              <a:rPr lang="en-US" sz="2100" b="1" u="sng" dirty="0" smtClean="0"/>
              <a:t>6:2 </a:t>
            </a:r>
            <a:r>
              <a:rPr lang="en-US" sz="2100" b="1" u="sng" dirty="0" smtClean="0"/>
              <a:t>FTS</a:t>
            </a:r>
          </a:p>
          <a:p>
            <a:pPr lvl="1">
              <a:spcBef>
                <a:spcPts val="600"/>
              </a:spcBef>
            </a:pPr>
            <a:r>
              <a:rPr lang="en-US" sz="2400" b="1" u="sng" dirty="0" err="1" smtClean="0"/>
              <a:t>Fluorotelomer</a:t>
            </a:r>
            <a:r>
              <a:rPr lang="en-US" sz="2400" b="1" u="sng" dirty="0" smtClean="0"/>
              <a:t> sulfonate</a:t>
            </a:r>
            <a:endParaRPr lang="en-US" sz="2400" b="1" u="sng" dirty="0"/>
          </a:p>
        </p:txBody>
      </p:sp>
      <p:sp>
        <p:nvSpPr>
          <p:cNvPr id="20" name="Oval 19"/>
          <p:cNvSpPr/>
          <p:nvPr/>
        </p:nvSpPr>
        <p:spPr>
          <a:xfrm>
            <a:off x="4286258" y="1253142"/>
            <a:ext cx="4800600" cy="4800600"/>
          </a:xfrm>
          <a:prstGeom prst="ellipse">
            <a:avLst/>
          </a:prstGeom>
          <a:gradFill flip="none" rotWithShape="1">
            <a:gsLst>
              <a:gs pos="0">
                <a:srgbClr val="90B13E"/>
              </a:gs>
              <a:gs pos="49000">
                <a:srgbClr val="90B13E"/>
              </a:gs>
              <a:gs pos="51000">
                <a:srgbClr val="569BBE"/>
              </a:gs>
              <a:gs pos="100000">
                <a:srgbClr val="569BBE"/>
              </a:gs>
            </a:gsLst>
            <a:lin ang="0" scaled="1"/>
            <a:tileRect/>
          </a:gradFill>
          <a:ln w="25400" cap="flat" cmpd="sng" algn="ctr">
            <a:solidFill>
              <a:srgbClr val="678385">
                <a:lumMod val="50000"/>
              </a:srgbClr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srgbClr val="90B13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4602566" y="2450020"/>
            <a:ext cx="1825073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600" dirty="0">
                <a:solidFill>
                  <a:prstClr val="white"/>
                </a:solidFill>
                <a:latin typeface="Segoe UI"/>
              </a:rPr>
              <a:t>Polymers (e.g., PTFE)</a:t>
            </a:r>
          </a:p>
        </p:txBody>
      </p:sp>
      <p:cxnSp>
        <p:nvCxnSpPr>
          <p:cNvPr id="22" name="Straight Connector 21"/>
          <p:cNvCxnSpPr>
            <a:cxnSpLocks/>
            <a:stCxn id="20" idx="0"/>
            <a:endCxn id="20" idx="4"/>
          </p:cNvCxnSpPr>
          <p:nvPr/>
        </p:nvCxnSpPr>
        <p:spPr>
          <a:xfrm>
            <a:off x="6686558" y="1253142"/>
            <a:ext cx="0" cy="4800600"/>
          </a:xfrm>
          <a:prstGeom prst="line">
            <a:avLst/>
          </a:prstGeom>
          <a:noFill/>
          <a:ln w="28575" cap="flat" cmpd="sng" algn="ctr">
            <a:solidFill>
              <a:srgbClr val="678385">
                <a:lumMod val="50000"/>
              </a:srgbClr>
            </a:solidFill>
            <a:prstDash val="solid"/>
          </a:ln>
          <a:effectLst/>
        </p:spPr>
      </p:cxnSp>
      <p:sp>
        <p:nvSpPr>
          <p:cNvPr id="23" name="TextBox 22"/>
          <p:cNvSpPr txBox="1"/>
          <p:nvPr/>
        </p:nvSpPr>
        <p:spPr>
          <a:xfrm>
            <a:off x="7163572" y="1047690"/>
            <a:ext cx="205662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>
                <a:solidFill>
                  <a:srgbClr val="005568"/>
                </a:solidFill>
                <a:latin typeface="Segoe UI"/>
              </a:rPr>
              <a:t>Non-Polymers</a:t>
            </a:r>
          </a:p>
        </p:txBody>
      </p:sp>
      <p:cxnSp>
        <p:nvCxnSpPr>
          <p:cNvPr id="24" name="Straight Connector 23"/>
          <p:cNvCxnSpPr/>
          <p:nvPr/>
        </p:nvCxnSpPr>
        <p:spPr>
          <a:xfrm>
            <a:off x="6686558" y="3565235"/>
            <a:ext cx="2135543" cy="1266407"/>
          </a:xfrm>
          <a:prstGeom prst="line">
            <a:avLst/>
          </a:prstGeom>
          <a:noFill/>
          <a:ln w="28575" cap="flat" cmpd="sng" algn="ctr">
            <a:solidFill>
              <a:srgbClr val="678385">
                <a:lumMod val="50000"/>
              </a:srgbClr>
            </a:solidFill>
            <a:prstDash val="solid"/>
          </a:ln>
          <a:effectLst/>
        </p:spPr>
      </p:cxnSp>
      <p:sp>
        <p:nvSpPr>
          <p:cNvPr id="25" name="TextBox 24"/>
          <p:cNvSpPr txBox="1"/>
          <p:nvPr/>
        </p:nvSpPr>
        <p:spPr>
          <a:xfrm>
            <a:off x="6724392" y="2048733"/>
            <a:ext cx="1723737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600" dirty="0">
                <a:solidFill>
                  <a:prstClr val="white"/>
                </a:solidFill>
                <a:latin typeface="Segoe UI"/>
              </a:rPr>
              <a:t>polyfluoro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6248788" y="5399565"/>
            <a:ext cx="17237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678385">
                    <a:lumMod val="50000"/>
                  </a:srgbClr>
                </a:solidFill>
                <a:latin typeface="Segoe UI"/>
              </a:rPr>
              <a:t>PFAA</a:t>
            </a:r>
          </a:p>
        </p:txBody>
      </p:sp>
      <p:pic>
        <p:nvPicPr>
          <p:cNvPr id="28" name="Picture 2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99902" y="2700584"/>
            <a:ext cx="1462253" cy="960203"/>
          </a:xfrm>
          <a:prstGeom prst="rect">
            <a:avLst/>
          </a:prstGeom>
        </p:spPr>
      </p:pic>
      <p:pic>
        <p:nvPicPr>
          <p:cNvPr id="29" name="Picture 28" descr="A close up of a logo&#10;&#10;Description automatically generated">
            <a:extLst>
              <a:ext uri="{FF2B5EF4-FFF2-40B4-BE49-F238E27FC236}">
                <a16:creationId xmlns:a16="http://schemas.microsoft.com/office/drawing/2014/main" id="{79389B0A-5560-42D4-B56A-1A496BE28663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rgbClr val="90B13E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6512" y="3429000"/>
            <a:ext cx="1302265" cy="1139482"/>
          </a:xfrm>
          <a:prstGeom prst="rect">
            <a:avLst/>
          </a:prstGeom>
        </p:spPr>
      </p:pic>
      <p:sp>
        <p:nvSpPr>
          <p:cNvPr id="30" name="TextBox 29"/>
          <p:cNvSpPr txBox="1"/>
          <p:nvPr/>
        </p:nvSpPr>
        <p:spPr>
          <a:xfrm>
            <a:off x="6582063" y="4231957"/>
            <a:ext cx="1723737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600" dirty="0">
                <a:solidFill>
                  <a:prstClr val="white"/>
                </a:solidFill>
                <a:latin typeface="Segoe UI"/>
              </a:rPr>
              <a:t>perfluoro</a:t>
            </a:r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58000" y="4608852"/>
            <a:ext cx="1452422" cy="9537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02440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/>
              <a:t>PFAS: Chemical Properties</a:t>
            </a:r>
            <a:endParaRPr lang="en-US" sz="3200" dirty="0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5</a:t>
            </a:fld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2743200" y="1263674"/>
            <a:ext cx="2728668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 smtClean="0"/>
              <a:t>Heat resistant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 smtClean="0"/>
              <a:t>Stain resistant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/>
              <a:t>Resistant to biodegradation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sz="2800" dirty="0" smtClean="0"/>
          </a:p>
        </p:txBody>
      </p:sp>
      <p:sp>
        <p:nvSpPr>
          <p:cNvPr id="9" name="TextBox 8"/>
          <p:cNvSpPr txBox="1"/>
          <p:nvPr/>
        </p:nvSpPr>
        <p:spPr>
          <a:xfrm>
            <a:off x="317202" y="1510605"/>
            <a:ext cx="277968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/>
              <a:t>High water solubility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sz="2800" dirty="0" smtClean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8" t="5412" r="14254" b="8841"/>
          <a:stretch/>
        </p:blipFill>
        <p:spPr>
          <a:xfrm>
            <a:off x="7842052" y="3505200"/>
            <a:ext cx="914400" cy="2438401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255"/>
          <a:stretch/>
        </p:blipFill>
        <p:spPr>
          <a:xfrm>
            <a:off x="0" y="5181600"/>
            <a:ext cx="1736318" cy="1463208"/>
          </a:xfrm>
          <a:prstGeom prst="rect">
            <a:avLst/>
          </a:prstGeom>
        </p:spPr>
      </p:pic>
      <p:sp>
        <p:nvSpPr>
          <p:cNvPr id="15" name="Rounded Rectangle 14"/>
          <p:cNvSpPr/>
          <p:nvPr/>
        </p:nvSpPr>
        <p:spPr>
          <a:xfrm>
            <a:off x="2912887" y="3523898"/>
            <a:ext cx="2021842" cy="1350047"/>
          </a:xfrm>
          <a:prstGeom prst="roundRect">
            <a:avLst/>
          </a:prstGeom>
          <a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7" name="Rounded Rectangle 16"/>
          <p:cNvSpPr/>
          <p:nvPr/>
        </p:nvSpPr>
        <p:spPr>
          <a:xfrm>
            <a:off x="181159" y="2881000"/>
            <a:ext cx="2562041" cy="1740282"/>
          </a:xfrm>
          <a:prstGeom prst="roundRect">
            <a:avLst/>
          </a:prstGeom>
          <a:blipFill rotWithShape="1">
            <a:blip r:embed="rId6"/>
            <a:stretch>
              <a:fillRect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8" name="Rounded Rectangle 17"/>
          <p:cNvSpPr/>
          <p:nvPr/>
        </p:nvSpPr>
        <p:spPr>
          <a:xfrm>
            <a:off x="2286000" y="4992290"/>
            <a:ext cx="1737617" cy="1332310"/>
          </a:xfrm>
          <a:prstGeom prst="roundRect">
            <a:avLst/>
          </a:prstGeom>
          <a:blipFill rotWithShape="1">
            <a:blip r:embed="rId7"/>
            <a:stretch>
              <a:fillRect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9" name="Rounded Rectangle 18"/>
          <p:cNvSpPr/>
          <p:nvPr/>
        </p:nvSpPr>
        <p:spPr>
          <a:xfrm>
            <a:off x="4445373" y="5009747"/>
            <a:ext cx="2218759" cy="1541758"/>
          </a:xfrm>
          <a:prstGeom prst="roundRect">
            <a:avLst/>
          </a:prstGeom>
          <a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4000" b="-4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6" name="Rounded Rectangle 15"/>
          <p:cNvSpPr/>
          <p:nvPr/>
        </p:nvSpPr>
        <p:spPr>
          <a:xfrm>
            <a:off x="5561732" y="3275222"/>
            <a:ext cx="2280320" cy="1570585"/>
          </a:xfrm>
          <a:prstGeom prst="roundRect">
            <a:avLst/>
          </a:prstGeom>
          <a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pic>
        <p:nvPicPr>
          <p:cNvPr id="20" name="Picture 19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81159" y="61475"/>
            <a:ext cx="1571441" cy="1234997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5638800" y="1295400"/>
            <a:ext cx="3429000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 smtClean="0"/>
              <a:t>C-F strongest      bond in nature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 smtClean="0"/>
              <a:t>Highly sorbent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sz="2800" dirty="0" smtClean="0"/>
              <a:t>High surface tension</a:t>
            </a:r>
            <a:endParaRPr lang="en-US" sz="2800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648828">
            <a:off x="1418844" y="4919920"/>
            <a:ext cx="766281" cy="101048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8798" y="141424"/>
            <a:ext cx="1644934" cy="12337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03864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y the Concern?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>
          <a:xfrm>
            <a:off x="4784152" y="1219200"/>
            <a:ext cx="4040188" cy="4830763"/>
          </a:xfrm>
        </p:spPr>
        <p:txBody>
          <a:bodyPr/>
          <a:lstStyle/>
          <a:p>
            <a:r>
              <a:rPr lang="en-US" dirty="0" smtClean="0"/>
              <a:t>Anthropogenic chemicals with widespread use since the 1940s</a:t>
            </a:r>
          </a:p>
          <a:p>
            <a:r>
              <a:rPr lang="en-US" dirty="0"/>
              <a:t>Evolving science</a:t>
            </a:r>
          </a:p>
          <a:p>
            <a:r>
              <a:rPr lang="en-US" dirty="0" smtClean="0"/>
              <a:t>Some may be regarded as</a:t>
            </a:r>
          </a:p>
          <a:p>
            <a:pPr lvl="1"/>
            <a:r>
              <a:rPr lang="en-US" b="1" dirty="0" smtClean="0"/>
              <a:t>P</a:t>
            </a:r>
            <a:r>
              <a:rPr lang="en-US" dirty="0" smtClean="0"/>
              <a:t>ersistent</a:t>
            </a:r>
          </a:p>
          <a:p>
            <a:pPr lvl="1"/>
            <a:r>
              <a:rPr lang="en-US" b="1" dirty="0" err="1" smtClean="0"/>
              <a:t>B</a:t>
            </a:r>
            <a:r>
              <a:rPr lang="en-US" dirty="0" err="1" smtClean="0"/>
              <a:t>ioacuumulative</a:t>
            </a:r>
            <a:endParaRPr lang="en-US" dirty="0" smtClean="0"/>
          </a:p>
          <a:p>
            <a:pPr lvl="1"/>
            <a:r>
              <a:rPr lang="en-US" b="1" dirty="0" smtClean="0"/>
              <a:t>T</a:t>
            </a:r>
            <a:r>
              <a:rPr lang="en-US" dirty="0" smtClean="0"/>
              <a:t>oxic</a:t>
            </a:r>
          </a:p>
          <a:p>
            <a:r>
              <a:rPr lang="en-US" dirty="0" smtClean="0"/>
              <a:t>Some appear to be ubiquitous at low level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6</a:t>
            </a:fld>
            <a:endParaRPr lang="en-US"/>
          </a:p>
        </p:txBody>
      </p:sp>
      <p:sp>
        <p:nvSpPr>
          <p:cNvPr id="10" name="Content Placeholder 5"/>
          <p:cNvSpPr txBox="1">
            <a:spLocks/>
          </p:cNvSpPr>
          <p:nvPr/>
        </p:nvSpPr>
        <p:spPr>
          <a:xfrm>
            <a:off x="455437" y="3733800"/>
            <a:ext cx="4116563" cy="2514600"/>
          </a:xfrm>
          <a:prstGeom prst="rect">
            <a:avLst/>
          </a:prstGeom>
          <a:ln w="38100">
            <a:solidFill>
              <a:schemeClr val="bg2"/>
            </a:solidFill>
          </a:ln>
        </p:spPr>
        <p:txBody>
          <a:bodyPr lIns="91440"/>
          <a:lstStyle>
            <a:lvl1pPr marL="342900" indent="-3429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8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4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2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itchFamily="34" charset="0"/>
              <a:buNone/>
            </a:pPr>
            <a:r>
              <a:rPr lang="en-US" sz="2000" dirty="0" smtClean="0"/>
              <a:t>PFOA</a:t>
            </a:r>
          </a:p>
          <a:p>
            <a:endParaRPr lang="en-US" dirty="0" smtClean="0"/>
          </a:p>
          <a:p>
            <a:pPr marL="339725" lvl="1"/>
            <a:endParaRPr lang="en-US" sz="1600" dirty="0" smtClean="0"/>
          </a:p>
          <a:p>
            <a:pPr marL="339725" lvl="1"/>
            <a:r>
              <a:rPr lang="en-US" sz="1600" dirty="0" err="1" smtClean="0"/>
              <a:t>Arkema</a:t>
            </a:r>
            <a:r>
              <a:rPr lang="en-US" sz="1600" dirty="0" smtClean="0"/>
              <a:t>, Asahi, BASF Corporation, </a:t>
            </a:r>
            <a:r>
              <a:rPr lang="en-US" sz="1600" dirty="0" err="1" smtClean="0"/>
              <a:t>Clariant</a:t>
            </a:r>
            <a:r>
              <a:rPr lang="en-US" sz="1600" dirty="0" smtClean="0"/>
              <a:t>, Daikin, 3M/</a:t>
            </a:r>
            <a:r>
              <a:rPr lang="en-US" sz="1600" dirty="0" err="1" smtClean="0"/>
              <a:t>Dyneon</a:t>
            </a:r>
            <a:r>
              <a:rPr lang="en-US" sz="1600" dirty="0" smtClean="0"/>
              <a:t>, DuPont, Solvay </a:t>
            </a:r>
            <a:r>
              <a:rPr lang="en-US" sz="1600" dirty="0" err="1" smtClean="0"/>
              <a:t>Solexis</a:t>
            </a:r>
            <a:endParaRPr lang="en-US" sz="1600" dirty="0" smtClean="0"/>
          </a:p>
          <a:p>
            <a:pPr marL="339725" lvl="1"/>
            <a:r>
              <a:rPr lang="en-US" sz="1600" dirty="0" smtClean="0"/>
              <a:t>Voluntarily discontinued ≤2015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11" name="Text Placeholder 1"/>
          <p:cNvSpPr txBox="1">
            <a:spLocks/>
          </p:cNvSpPr>
          <p:nvPr/>
        </p:nvSpPr>
        <p:spPr>
          <a:xfrm>
            <a:off x="455436" y="1206547"/>
            <a:ext cx="4116563" cy="2420573"/>
          </a:xfrm>
          <a:prstGeom prst="rect">
            <a:avLst/>
          </a:prstGeom>
          <a:ln w="38100">
            <a:solidFill>
              <a:schemeClr val="bg2"/>
            </a:solidFill>
          </a:ln>
        </p:spPr>
        <p:txBody>
          <a:bodyPr lIns="91440">
            <a:normAutofit/>
          </a:bodyPr>
          <a:lstStyle>
            <a:lvl1pPr marL="342900" indent="-3429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8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ts val="1000"/>
              </a:spcBef>
              <a:buClr>
                <a:srgbClr val="A7A53D"/>
              </a:buClr>
              <a:buFont typeface="Arial" pitchFamily="34" charset="0"/>
              <a:buChar char="•"/>
              <a:defRPr sz="24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ts val="1000"/>
              </a:spcBef>
              <a:buClr>
                <a:srgbClr val="9E6828"/>
              </a:buClr>
              <a:buFont typeface="Arial" pitchFamily="34" charset="0"/>
              <a:buChar char="–"/>
              <a:defRPr sz="22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600" kern="1200">
                <a:solidFill>
                  <a:srgbClr val="40404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itchFamily="34" charset="0"/>
              <a:buNone/>
            </a:pPr>
            <a:r>
              <a:rPr lang="en-US" sz="2000" dirty="0" smtClean="0"/>
              <a:t>PFOS</a:t>
            </a:r>
          </a:p>
          <a:p>
            <a:endParaRPr lang="en-US" dirty="0" smtClean="0"/>
          </a:p>
          <a:p>
            <a:pPr marL="339725" lvl="1"/>
            <a:endParaRPr lang="en-US" sz="1600" dirty="0" smtClean="0"/>
          </a:p>
          <a:p>
            <a:pPr marL="339725" lvl="1"/>
            <a:r>
              <a:rPr lang="en-US" sz="1600" dirty="0" smtClean="0"/>
              <a:t>3M</a:t>
            </a:r>
          </a:p>
          <a:p>
            <a:pPr marL="339725" lvl="1"/>
            <a:r>
              <a:rPr lang="en-US" sz="1600" dirty="0" smtClean="0"/>
              <a:t>Voluntarily discontinued in 2002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FE9029D-30D7-499C-B834-DF9256838DE9}"/>
              </a:ext>
            </a:extLst>
          </p:cNvPr>
          <p:cNvGrpSpPr/>
          <p:nvPr/>
        </p:nvGrpSpPr>
        <p:grpSpPr>
          <a:xfrm>
            <a:off x="1128397" y="1518565"/>
            <a:ext cx="2804913" cy="790575"/>
            <a:chOff x="1759719" y="1656138"/>
            <a:chExt cx="2647950" cy="790575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759719" y="1656138"/>
              <a:ext cx="2647950" cy="790575"/>
            </a:xfrm>
            <a:prstGeom prst="rect">
              <a:avLst/>
            </a:prstGeom>
          </p:spPr>
        </p:pic>
        <p:sp>
          <p:nvSpPr>
            <p:cNvPr id="14" name="TextBox 13"/>
            <p:cNvSpPr txBox="1"/>
            <p:nvPr/>
          </p:nvSpPr>
          <p:spPr>
            <a:xfrm>
              <a:off x="1889562" y="1923953"/>
              <a:ext cx="184731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endParaRPr lang="en-US" sz="1600" b="1" dirty="0">
                <a:solidFill>
                  <a:schemeClr val="accent3"/>
                </a:solidFill>
              </a:endParaRP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2122345" y="1787444"/>
              <a:ext cx="184731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endParaRPr lang="en-US" sz="1600" b="1" dirty="0">
                <a:solidFill>
                  <a:schemeClr val="accent3"/>
                </a:solidFill>
              </a:endParaRPr>
            </a:p>
          </p:txBody>
        </p:sp>
      </p:grpSp>
      <p:pic>
        <p:nvPicPr>
          <p:cNvPr id="16" name="Picture 1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8397" y="4082096"/>
            <a:ext cx="2709975" cy="7947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87594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Wide-Spread Environmental Occurrence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>
          <a:xfrm>
            <a:off x="269819" y="1280318"/>
            <a:ext cx="4040188" cy="4830763"/>
          </a:xfrm>
        </p:spPr>
        <p:txBody>
          <a:bodyPr>
            <a:normAutofit fontScale="92500" lnSpcReduction="10000"/>
          </a:bodyPr>
          <a:lstStyle/>
          <a:p>
            <a:r>
              <a:rPr lang="en-US" sz="2400" dirty="0" smtClean="0"/>
              <a:t>Some PFAS ubiquitous at </a:t>
            </a:r>
            <a:r>
              <a:rPr lang="en-US" sz="2400" dirty="0"/>
              <a:t>low concentrations</a:t>
            </a:r>
          </a:p>
          <a:p>
            <a:r>
              <a:rPr lang="en-US" sz="2400" dirty="0"/>
              <a:t>High-concentration </a:t>
            </a:r>
            <a:r>
              <a:rPr lang="en-US" sz="2400" dirty="0" smtClean="0"/>
              <a:t>are </a:t>
            </a:r>
            <a:r>
              <a:rPr lang="en-US" sz="2400" dirty="0"/>
              <a:t>typically </a:t>
            </a:r>
            <a:r>
              <a:rPr lang="en-US" sz="2400" dirty="0" smtClean="0"/>
              <a:t>found near</a:t>
            </a:r>
            <a:endParaRPr lang="en-US" sz="2400" dirty="0"/>
          </a:p>
          <a:p>
            <a:pPr lvl="1"/>
            <a:r>
              <a:rPr lang="en-US" sz="2200" dirty="0"/>
              <a:t>Manufacturing facilities</a:t>
            </a:r>
          </a:p>
          <a:p>
            <a:pPr lvl="1"/>
            <a:r>
              <a:rPr lang="en-US" sz="2200" dirty="0"/>
              <a:t>Military and civilian airports, refineries, and other locations with fuel fires or fuel fire  training sites</a:t>
            </a:r>
          </a:p>
          <a:p>
            <a:pPr lvl="1"/>
            <a:r>
              <a:rPr lang="en-US" sz="2200" dirty="0"/>
              <a:t>Textile mills</a:t>
            </a:r>
          </a:p>
          <a:p>
            <a:pPr lvl="1"/>
            <a:r>
              <a:rPr lang="en-US" sz="2200" dirty="0"/>
              <a:t>Wastewater treatment plant (WWTP) outfalls</a:t>
            </a:r>
          </a:p>
          <a:p>
            <a:pPr lvl="1"/>
            <a:r>
              <a:rPr lang="en-US" sz="2200" dirty="0" err="1"/>
              <a:t>Biosolids</a:t>
            </a:r>
            <a:r>
              <a:rPr lang="en-US" sz="2200" dirty="0"/>
              <a:t> application areas</a:t>
            </a:r>
          </a:p>
          <a:p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52699A-549B-45A1-BA81-4020695B5A36}" type="slidenum">
              <a:rPr lang="en-US" smtClean="0"/>
              <a:t>7</a:t>
            </a:fld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6324600" y="3352800"/>
            <a:ext cx="8624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Image?</a:t>
            </a:r>
            <a:endParaRPr lang="en-US" dirty="0">
              <a:solidFill>
                <a:srgbClr val="FF0000"/>
              </a:soli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10007" y="1007548"/>
            <a:ext cx="4818753" cy="5164651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5562600" y="6172199"/>
            <a:ext cx="266700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/>
              <a:t>Oliaei et al. (2013), </a:t>
            </a:r>
            <a:r>
              <a:rPr lang="en-US" sz="1100" i="1" dirty="0"/>
              <a:t>Environ Sci Pollut Res</a:t>
            </a:r>
          </a:p>
        </p:txBody>
      </p:sp>
    </p:spTree>
    <p:extLst>
      <p:ext uri="{BB962C8B-B14F-4D97-AF65-F5344CB8AC3E}">
        <p14:creationId xmlns:p14="http://schemas.microsoft.com/office/powerpoint/2010/main" val="973140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7" name="OTLSHAPE_M_e60de4190fe74dc8a0cee2a9f77196e2_Connector1"/>
          <p:cNvCxnSpPr/>
          <p:nvPr>
            <p:custDataLst>
              <p:tags r:id="rId1"/>
            </p:custDataLst>
          </p:nvPr>
        </p:nvCxnSpPr>
        <p:spPr>
          <a:xfrm flipH="1">
            <a:off x="8047004" y="3892551"/>
            <a:ext cx="24981" cy="1184774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840" y="152400"/>
            <a:ext cx="8686800" cy="993773"/>
          </a:xfrm>
        </p:spPr>
        <p:txBody>
          <a:bodyPr>
            <a:normAutofit/>
          </a:bodyPr>
          <a:lstStyle/>
          <a:p>
            <a:r>
              <a:rPr lang="en-US" sz="3200" dirty="0"/>
              <a:t>How did we get here?</a:t>
            </a:r>
          </a:p>
        </p:txBody>
      </p:sp>
      <p:cxnSp>
        <p:nvCxnSpPr>
          <p:cNvPr id="4" name="OTLSHAPE_M_e60de4190fe74dc8a0cee2a9f77196e2_Connector1"/>
          <p:cNvCxnSpPr/>
          <p:nvPr>
            <p:custDataLst>
              <p:tags r:id="rId2"/>
            </p:custDataLst>
          </p:nvPr>
        </p:nvCxnSpPr>
        <p:spPr>
          <a:xfrm>
            <a:off x="3672798" y="3941924"/>
            <a:ext cx="5863" cy="118872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2818673" y="581463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06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M_e60de4190fe74dc8a0cee2a9f77196e2_Title"/>
          <p:cNvSpPr txBox="1"/>
          <p:nvPr>
            <p:custDataLst>
              <p:tags r:id="rId4"/>
            </p:custDataLst>
          </p:nvPr>
        </p:nvSpPr>
        <p:spPr>
          <a:xfrm>
            <a:off x="3270335" y="3288268"/>
            <a:ext cx="155229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“PFOA Stewardship Program”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M_e60de4190fe74dc8a0cee2a9f77196e2_Date"/>
          <p:cNvSpPr txBox="1"/>
          <p:nvPr>
            <p:custDataLst>
              <p:tags r:id="rId5"/>
            </p:custDataLst>
          </p:nvPr>
        </p:nvSpPr>
        <p:spPr>
          <a:xfrm>
            <a:off x="3101807" y="3733800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/2006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M_e60de4190fe74dc8a0cee2a9f77196e2_Shape"/>
          <p:cNvSpPr/>
          <p:nvPr>
            <p:custDataLst>
              <p:tags r:id="rId6"/>
            </p:custDataLst>
          </p:nvPr>
        </p:nvSpPr>
        <p:spPr>
          <a:xfrm rot="16200000">
            <a:off x="3686086" y="3823975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10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49429" y="5819001"/>
            <a:ext cx="82503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1940-50s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3964751" y="5819609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09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M_e60de4190fe74dc8a0cee2a9f77196e2_Date"/>
          <p:cNvSpPr txBox="1"/>
          <p:nvPr>
            <p:custDataLst>
              <p:tags r:id="rId9"/>
            </p:custDataLst>
          </p:nvPr>
        </p:nvSpPr>
        <p:spPr>
          <a:xfrm>
            <a:off x="3723917" y="4209242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M_e60de4190fe74dc8a0cee2a9f77196e2_Connector1"/>
          <p:cNvCxnSpPr/>
          <p:nvPr>
            <p:custDataLst>
              <p:tags r:id="rId10"/>
            </p:custDataLst>
          </p:nvPr>
        </p:nvCxnSpPr>
        <p:spPr>
          <a:xfrm>
            <a:off x="4273872" y="4351475"/>
            <a:ext cx="0" cy="73152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M_e60de4190fe74dc8a0cee2a9f77196e2_Title"/>
          <p:cNvSpPr txBox="1"/>
          <p:nvPr>
            <p:custDataLst>
              <p:tags r:id="rId11"/>
            </p:custDataLst>
          </p:nvPr>
        </p:nvSpPr>
        <p:spPr>
          <a:xfrm>
            <a:off x="4459766" y="4227635"/>
            <a:ext cx="97299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SCA “Long-Chain PFC Action Plan”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M_e60de4190fe74dc8a0cee2a9f77196e2_Shape"/>
          <p:cNvSpPr/>
          <p:nvPr>
            <p:custDataLst>
              <p:tags r:id="rId12"/>
            </p:custDataLst>
          </p:nvPr>
        </p:nvSpPr>
        <p:spPr>
          <a:xfrm rot="16200000">
            <a:off x="4278522" y="4249876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21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5175335" y="5819001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3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M_e60de4190fe74dc8a0cee2a9f77196e2_Connector1"/>
          <p:cNvCxnSpPr/>
          <p:nvPr>
            <p:custDataLst>
              <p:tags r:id="rId14"/>
            </p:custDataLst>
          </p:nvPr>
        </p:nvCxnSpPr>
        <p:spPr>
          <a:xfrm>
            <a:off x="5556335" y="3051705"/>
            <a:ext cx="0" cy="2053695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e60de4190fe74dc8a0cee2a9f77196e2_Shape"/>
          <p:cNvSpPr/>
          <p:nvPr>
            <p:custDataLst>
              <p:tags r:id="rId15"/>
            </p:custDataLst>
          </p:nvPr>
        </p:nvSpPr>
        <p:spPr>
          <a:xfrm rot="16200000">
            <a:off x="5556335" y="2975507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25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6275611" y="5809476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e60de4190fe74dc8a0cee2a9f77196e2_Title"/>
          <p:cNvSpPr txBox="1"/>
          <p:nvPr>
            <p:custDataLst>
              <p:tags r:id="rId17"/>
            </p:custDataLst>
          </p:nvPr>
        </p:nvSpPr>
        <p:spPr>
          <a:xfrm>
            <a:off x="5735077" y="2743200"/>
            <a:ext cx="596195" cy="3693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UCMR3</a:t>
            </a:r>
          </a:p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M_e60de4190fe74dc8a0cee2a9f77196e2_Connector1"/>
          <p:cNvCxnSpPr/>
          <p:nvPr>
            <p:custDataLst>
              <p:tags r:id="rId18"/>
            </p:custDataLst>
          </p:nvPr>
        </p:nvCxnSpPr>
        <p:spPr>
          <a:xfrm>
            <a:off x="3049668" y="3483187"/>
            <a:ext cx="6356" cy="1661781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M_e60de4190fe74dc8a0cee2a9f77196e2_Shape"/>
          <p:cNvSpPr/>
          <p:nvPr>
            <p:custDataLst>
              <p:tags r:id="rId19"/>
            </p:custDataLst>
          </p:nvPr>
        </p:nvSpPr>
        <p:spPr>
          <a:xfrm rot="16200000">
            <a:off x="3047779" y="341630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36" name="OTLSHAPE_M_e60de4190fe74dc8a0cee2a9f77196e2_Connector1"/>
          <p:cNvCxnSpPr/>
          <p:nvPr>
            <p:custDataLst>
              <p:tags r:id="rId20"/>
            </p:custDataLst>
          </p:nvPr>
        </p:nvCxnSpPr>
        <p:spPr>
          <a:xfrm flipH="1">
            <a:off x="6227847" y="4416658"/>
            <a:ext cx="5823" cy="660667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e60de4190fe74dc8a0cee2a9f77196e2_Shape"/>
          <p:cNvSpPr/>
          <p:nvPr>
            <p:custDataLst>
              <p:tags r:id="rId21"/>
            </p:custDataLst>
          </p:nvPr>
        </p:nvSpPr>
        <p:spPr>
          <a:xfrm rot="16200000">
            <a:off x="6242135" y="440690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22"/>
            </p:custDataLst>
          </p:nvPr>
        </p:nvSpPr>
        <p:spPr>
          <a:xfrm>
            <a:off x="7222980" y="5814639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43" name="OTLSHAPE_M_e60de4190fe74dc8a0cee2a9f77196e2_Connector1"/>
          <p:cNvCxnSpPr/>
          <p:nvPr>
            <p:custDataLst>
              <p:tags r:id="rId23"/>
            </p:custDataLst>
          </p:nvPr>
        </p:nvCxnSpPr>
        <p:spPr>
          <a:xfrm flipH="1">
            <a:off x="7492831" y="4477439"/>
            <a:ext cx="3369" cy="820677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M_e60de4190fe74dc8a0cee2a9f77196e2_Date"/>
          <p:cNvSpPr txBox="1"/>
          <p:nvPr>
            <p:custDataLst>
              <p:tags r:id="rId24"/>
            </p:custDataLst>
          </p:nvPr>
        </p:nvSpPr>
        <p:spPr>
          <a:xfrm>
            <a:off x="7543800" y="4876800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5/2018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e60de4190fe74dc8a0cee2a9f77196e2_Shape"/>
          <p:cNvSpPr/>
          <p:nvPr>
            <p:custDataLst>
              <p:tags r:id="rId25"/>
            </p:custDataLst>
          </p:nvPr>
        </p:nvSpPr>
        <p:spPr>
          <a:xfrm rot="16200000">
            <a:off x="7488716" y="4394889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47" name="OTLSHAPE_M_e60de4190fe74dc8a0cee2a9f77196e2_Connector1"/>
          <p:cNvCxnSpPr/>
          <p:nvPr>
            <p:custDataLst>
              <p:tags r:id="rId26"/>
            </p:custDataLst>
          </p:nvPr>
        </p:nvCxnSpPr>
        <p:spPr>
          <a:xfrm>
            <a:off x="2200747" y="2505892"/>
            <a:ext cx="0" cy="265176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e60de4190fe74dc8a0cee2a9f77196e2_Title"/>
          <p:cNvSpPr txBox="1"/>
          <p:nvPr>
            <p:custDataLst>
              <p:tags r:id="rId27"/>
            </p:custDataLst>
          </p:nvPr>
        </p:nvSpPr>
        <p:spPr>
          <a:xfrm>
            <a:off x="2443100" y="2190697"/>
            <a:ext cx="985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M Phase-out of PFOS 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e60de4190fe74dc8a0cee2a9f77196e2_Date"/>
          <p:cNvSpPr txBox="1"/>
          <p:nvPr>
            <p:custDataLst>
              <p:tags r:id="rId28"/>
            </p:custDataLst>
          </p:nvPr>
        </p:nvSpPr>
        <p:spPr>
          <a:xfrm>
            <a:off x="2347237" y="2549697"/>
            <a:ext cx="66375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0-2002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e60de4190fe74dc8a0cee2a9f77196e2_Shape"/>
          <p:cNvSpPr/>
          <p:nvPr>
            <p:custDataLst>
              <p:tags r:id="rId29"/>
            </p:custDataLst>
          </p:nvPr>
        </p:nvSpPr>
        <p:spPr>
          <a:xfrm rot="16200000">
            <a:off x="2218509" y="2382657"/>
            <a:ext cx="165100" cy="165100"/>
          </a:xfrm>
          <a:prstGeom prst="flowChartMerge">
            <a:avLst/>
          </a:prstGeom>
          <a:solidFill>
            <a:srgbClr val="1880C4"/>
          </a:solidFill>
          <a:ln w="25400" cap="flat" cmpd="sng" algn="ctr">
            <a:solidFill>
              <a:srgbClr val="1880C4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51" name="OTLSHAPE_M_e60de4190fe74dc8a0cee2a9f77196e2_Date"/>
          <p:cNvSpPr txBox="1"/>
          <p:nvPr>
            <p:custDataLst>
              <p:tags r:id="rId30"/>
            </p:custDataLst>
          </p:nvPr>
        </p:nvSpPr>
        <p:spPr>
          <a:xfrm>
            <a:off x="4326147" y="4808356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/200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e60de4190fe74dc8a0cee2a9f77196e2_Date"/>
          <p:cNvSpPr txBox="1"/>
          <p:nvPr>
            <p:custDataLst>
              <p:tags r:id="rId31"/>
            </p:custDataLst>
          </p:nvPr>
        </p:nvSpPr>
        <p:spPr>
          <a:xfrm>
            <a:off x="1273727" y="3657600"/>
            <a:ext cx="346288" cy="1750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6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e60de4190fe74dc8a0cee2a9f77196e2_Shape"/>
          <p:cNvSpPr/>
          <p:nvPr>
            <p:custDataLst>
              <p:tags r:id="rId32"/>
            </p:custDataLst>
          </p:nvPr>
        </p:nvSpPr>
        <p:spPr>
          <a:xfrm rot="16200000">
            <a:off x="1206500" y="3505200"/>
            <a:ext cx="165100" cy="165100"/>
          </a:xfrm>
          <a:prstGeom prst="flowChartMerge">
            <a:avLst/>
          </a:prstGeom>
          <a:solidFill>
            <a:srgbClr val="1880C4"/>
          </a:solidFill>
          <a:ln w="25400" cap="flat" cmpd="sng" algn="ctr">
            <a:solidFill>
              <a:srgbClr val="1880C4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23" name="OTLSHAPE_M_e60de4190fe74dc8a0cee2a9f77196e2_Date"/>
          <p:cNvSpPr txBox="1"/>
          <p:nvPr>
            <p:custDataLst>
              <p:tags r:id="rId33"/>
            </p:custDataLst>
          </p:nvPr>
        </p:nvSpPr>
        <p:spPr>
          <a:xfrm>
            <a:off x="5608797" y="3159653"/>
            <a:ext cx="640080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13–2015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e60de4190fe74dc8a0cee2a9f77196e2_Title"/>
          <p:cNvSpPr txBox="1"/>
          <p:nvPr>
            <p:custDataLst>
              <p:tags r:id="rId34"/>
            </p:custDataLst>
          </p:nvPr>
        </p:nvSpPr>
        <p:spPr>
          <a:xfrm>
            <a:off x="3874884" y="3719810"/>
            <a:ext cx="1468446" cy="3693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Provisional Health Advisories for DW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6" name="OTLSHAPE_M_e60de4190fe74dc8a0cee2a9f77196e2_Connector1"/>
          <p:cNvCxnSpPr/>
          <p:nvPr>
            <p:custDataLst>
              <p:tags r:id="rId35"/>
            </p:custDataLst>
          </p:nvPr>
        </p:nvCxnSpPr>
        <p:spPr>
          <a:xfrm>
            <a:off x="2667000" y="2987674"/>
            <a:ext cx="0" cy="213995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M_e60de4190fe74dc8a0cee2a9f77196e2_Title"/>
          <p:cNvSpPr txBox="1"/>
          <p:nvPr>
            <p:custDataLst>
              <p:tags r:id="rId36"/>
            </p:custDataLst>
          </p:nvPr>
        </p:nvSpPr>
        <p:spPr>
          <a:xfrm>
            <a:off x="2861851" y="2765144"/>
            <a:ext cx="254834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DuPont, WV;  Leach Settlement</a:t>
            </a:r>
          </a:p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C8 Health Studies </a:t>
            </a:r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B</a:t>
            </a:r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gi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e60de4190fe74dc8a0cee2a9f77196e2_Date"/>
          <p:cNvSpPr txBox="1"/>
          <p:nvPr>
            <p:custDataLst>
              <p:tags r:id="rId37"/>
            </p:custDataLst>
          </p:nvPr>
        </p:nvSpPr>
        <p:spPr>
          <a:xfrm>
            <a:off x="2743200" y="3195828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04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e60de4190fe74dc8a0cee2a9f77196e2_Shape"/>
          <p:cNvSpPr/>
          <p:nvPr>
            <p:custDataLst>
              <p:tags r:id="rId38"/>
            </p:custDataLst>
          </p:nvPr>
        </p:nvSpPr>
        <p:spPr>
          <a:xfrm rot="16200000">
            <a:off x="2667000" y="288290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71" name="OTLSHAPE_M_e60de4190fe74dc8a0cee2a9f77196e2_Connector1"/>
          <p:cNvCxnSpPr>
            <a:stCxn id="73" idx="0"/>
          </p:cNvCxnSpPr>
          <p:nvPr>
            <p:custDataLst>
              <p:tags r:id="rId39"/>
            </p:custDataLst>
          </p:nvPr>
        </p:nvCxnSpPr>
        <p:spPr>
          <a:xfrm flipH="1">
            <a:off x="6829492" y="3575050"/>
            <a:ext cx="214" cy="1518556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M_e60de4190fe74dc8a0cee2a9f77196e2_Shape"/>
          <p:cNvSpPr/>
          <p:nvPr>
            <p:custDataLst>
              <p:tags r:id="rId40"/>
            </p:custDataLst>
          </p:nvPr>
        </p:nvSpPr>
        <p:spPr>
          <a:xfrm rot="16200000">
            <a:off x="6829706" y="349250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80" name="OTLSHAPE_M_e60de4190fe74dc8a0cee2a9f77196e2_Connector1"/>
          <p:cNvCxnSpPr>
            <a:stCxn id="81" idx="0"/>
          </p:cNvCxnSpPr>
          <p:nvPr>
            <p:custDataLst>
              <p:tags r:id="rId41"/>
            </p:custDataLst>
          </p:nvPr>
        </p:nvCxnSpPr>
        <p:spPr>
          <a:xfrm flipH="1">
            <a:off x="7315200" y="2444751"/>
            <a:ext cx="1363" cy="2682873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M_e60de4190fe74dc8a0cee2a9f77196e2_Shape"/>
          <p:cNvSpPr/>
          <p:nvPr>
            <p:custDataLst>
              <p:tags r:id="rId42"/>
            </p:custDataLst>
          </p:nvPr>
        </p:nvSpPr>
        <p:spPr>
          <a:xfrm rot="16200000">
            <a:off x="7316563" y="236220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83" name="OTLSHAPE_M_e60de4190fe74dc8a0cee2a9f77196e2_Date"/>
          <p:cNvSpPr txBox="1"/>
          <p:nvPr>
            <p:custDataLst>
              <p:tags r:id="rId43"/>
            </p:custDataLst>
          </p:nvPr>
        </p:nvSpPr>
        <p:spPr>
          <a:xfrm>
            <a:off x="7435285" y="2566278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1</a:t>
            </a:r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/2018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e60de4190fe74dc8a0cee2a9f77196e2_Title"/>
          <p:cNvSpPr txBox="1"/>
          <p:nvPr>
            <p:custDataLst>
              <p:tags r:id="rId44"/>
            </p:custDataLst>
          </p:nvPr>
        </p:nvSpPr>
        <p:spPr>
          <a:xfrm>
            <a:off x="7505219" y="2209800"/>
            <a:ext cx="119564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M NRDA $850M Settlement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e60de4190fe74dc8a0cee2a9f77196e2_Title"/>
          <p:cNvSpPr txBox="1"/>
          <p:nvPr>
            <p:custDataLst>
              <p:tags r:id="rId45"/>
            </p:custDataLst>
          </p:nvPr>
        </p:nvSpPr>
        <p:spPr>
          <a:xfrm>
            <a:off x="6433698" y="3932243"/>
            <a:ext cx="865369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Lifetime </a:t>
            </a:r>
          </a:p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Health Advisories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e60de4190fe74dc8a0cee2a9f77196e2_Date"/>
          <p:cNvSpPr txBox="1"/>
          <p:nvPr>
            <p:custDataLst>
              <p:tags r:id="rId46"/>
            </p:custDataLst>
          </p:nvPr>
        </p:nvSpPr>
        <p:spPr>
          <a:xfrm>
            <a:off x="6433698" y="4451645"/>
            <a:ext cx="495300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5/2016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e60de4190fe74dc8a0cee2a9f77196e2_Title"/>
          <p:cNvSpPr txBox="1"/>
          <p:nvPr>
            <p:custDataLst>
              <p:tags r:id="rId47"/>
            </p:custDataLst>
          </p:nvPr>
        </p:nvSpPr>
        <p:spPr>
          <a:xfrm>
            <a:off x="1447800" y="3414211"/>
            <a:ext cx="547761" cy="184666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AFFF 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ScaleContainer"/>
          <p:cNvSpPr/>
          <p:nvPr>
            <p:custDataLst>
              <p:tags r:id="rId48"/>
            </p:custDataLst>
          </p:nvPr>
        </p:nvSpPr>
        <p:spPr>
          <a:xfrm>
            <a:off x="457200" y="5105400"/>
            <a:ext cx="8001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FAS U.S. Timeline of Key Events</a:t>
            </a:r>
            <a:endParaRPr lang="en-US" dirty="0"/>
          </a:p>
        </p:txBody>
      </p:sp>
      <p:cxnSp>
        <p:nvCxnSpPr>
          <p:cNvPr id="61" name="OTLSHAPE_M_e60de4190fe74dc8a0cee2a9f77196e2_Connector1"/>
          <p:cNvCxnSpPr/>
          <p:nvPr>
            <p:custDataLst>
              <p:tags r:id="rId49"/>
            </p:custDataLst>
          </p:nvPr>
        </p:nvCxnSpPr>
        <p:spPr>
          <a:xfrm flipH="1">
            <a:off x="1583909" y="4456972"/>
            <a:ext cx="2003" cy="648428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M_e60de4190fe74dc8a0cee2a9f77196e2_Date"/>
          <p:cNvSpPr txBox="1"/>
          <p:nvPr>
            <p:custDataLst>
              <p:tags r:id="rId50"/>
            </p:custDataLst>
          </p:nvPr>
        </p:nvSpPr>
        <p:spPr>
          <a:xfrm>
            <a:off x="1676400" y="4495800"/>
            <a:ext cx="346288" cy="1750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7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e60de4190fe74dc8a0cee2a9f77196e2_Shape"/>
          <p:cNvSpPr/>
          <p:nvPr>
            <p:custDataLst>
              <p:tags r:id="rId51"/>
            </p:custDataLst>
          </p:nvPr>
        </p:nvSpPr>
        <p:spPr>
          <a:xfrm rot="16200000">
            <a:off x="1600200" y="4333736"/>
            <a:ext cx="165100" cy="165100"/>
          </a:xfrm>
          <a:prstGeom prst="flowChartMerge">
            <a:avLst/>
          </a:prstGeom>
          <a:solidFill>
            <a:srgbClr val="1880C4"/>
          </a:solidFill>
          <a:ln w="25400" cap="flat" cmpd="sng" algn="ctr">
            <a:solidFill>
              <a:srgbClr val="1880C4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cxnSp>
        <p:nvCxnSpPr>
          <p:cNvPr id="11" name="OTLSHAPE_M_93c5fbda53ad416ba4197cdb8a135f80_Connector1"/>
          <p:cNvCxnSpPr/>
          <p:nvPr>
            <p:custDataLst>
              <p:tags r:id="rId52"/>
            </p:custDataLst>
          </p:nvPr>
        </p:nvCxnSpPr>
        <p:spPr>
          <a:xfrm>
            <a:off x="561946" y="4732010"/>
            <a:ext cx="0" cy="432026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M_93c5fbda53ad416ba4197cdb8a135f80_Shape"/>
          <p:cNvSpPr/>
          <p:nvPr>
            <p:custDataLst>
              <p:tags r:id="rId53"/>
            </p:custDataLst>
          </p:nvPr>
        </p:nvSpPr>
        <p:spPr>
          <a:xfrm rot="16200000">
            <a:off x="568570" y="4732867"/>
            <a:ext cx="177574" cy="173403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40" name="Straight Connector 39"/>
          <p:cNvCxnSpPr/>
          <p:nvPr/>
        </p:nvCxnSpPr>
        <p:spPr>
          <a:xfrm flipH="1">
            <a:off x="1524000" y="4995446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/>
          <p:cNvCxnSpPr/>
          <p:nvPr/>
        </p:nvCxnSpPr>
        <p:spPr>
          <a:xfrm flipH="1">
            <a:off x="1667691" y="4982375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/>
        </p:nvCxnSpPr>
        <p:spPr>
          <a:xfrm flipH="1">
            <a:off x="762000" y="4973667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/>
          <p:cNvCxnSpPr/>
          <p:nvPr/>
        </p:nvCxnSpPr>
        <p:spPr>
          <a:xfrm flipH="1">
            <a:off x="905691" y="4960596"/>
            <a:ext cx="296092" cy="551914"/>
          </a:xfrm>
          <a:prstGeom prst="line">
            <a:avLst/>
          </a:prstGeom>
          <a:ln w="57150">
            <a:solidFill>
              <a:schemeClr val="bg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e60de4190fe74dc8a0cee2a9f77196e2_Connector1"/>
          <p:cNvCxnSpPr/>
          <p:nvPr>
            <p:custDataLst>
              <p:tags r:id="rId54"/>
            </p:custDataLst>
          </p:nvPr>
        </p:nvCxnSpPr>
        <p:spPr>
          <a:xfrm>
            <a:off x="1192212" y="3663950"/>
            <a:ext cx="9227" cy="1441450"/>
          </a:xfrm>
          <a:prstGeom prst="line">
            <a:avLst/>
          </a:prstGeom>
          <a:ln w="9525" cap="flat" cmpd="sng" algn="ctr">
            <a:solidFill>
              <a:srgbClr val="1880C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M_93c5fbda53ad416ba4197cdb8a135f80_Title"/>
          <p:cNvSpPr txBox="1"/>
          <p:nvPr>
            <p:custDataLst>
              <p:tags r:id="rId55"/>
            </p:custDataLst>
          </p:nvPr>
        </p:nvSpPr>
        <p:spPr>
          <a:xfrm>
            <a:off x="531826" y="4347267"/>
            <a:ext cx="960889" cy="3693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200" b="1" spc="-8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PFAS Chemical Engineering</a:t>
            </a:r>
          </a:p>
        </p:txBody>
      </p:sp>
      <p:sp>
        <p:nvSpPr>
          <p:cNvPr id="70" name="OTLSHAPE_M_e60de4190fe74dc8a0cee2a9f77196e2_Title"/>
          <p:cNvSpPr txBox="1"/>
          <p:nvPr>
            <p:custDataLst>
              <p:tags r:id="rId56"/>
            </p:custDataLst>
          </p:nvPr>
        </p:nvSpPr>
        <p:spPr>
          <a:xfrm>
            <a:off x="1833267" y="3968705"/>
            <a:ext cx="985900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TSCA Chemical Substance Inventory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B_00000000000000000000000000000000_RightEndCaps"/>
          <p:cNvSpPr txBox="1"/>
          <p:nvPr>
            <p:custDataLst>
              <p:tags r:id="rId57"/>
            </p:custDataLst>
          </p:nvPr>
        </p:nvSpPr>
        <p:spPr>
          <a:xfrm>
            <a:off x="1141318" y="5819001"/>
            <a:ext cx="53508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1970s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RightEndCaps"/>
          <p:cNvSpPr txBox="1"/>
          <p:nvPr>
            <p:custDataLst>
              <p:tags r:id="rId58"/>
            </p:custDataLst>
          </p:nvPr>
        </p:nvSpPr>
        <p:spPr>
          <a:xfrm>
            <a:off x="7848601" y="5819001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e60de4190fe74dc8a0cee2a9f77196e2_Title"/>
          <p:cNvSpPr txBox="1"/>
          <p:nvPr>
            <p:custDataLst>
              <p:tags r:id="rId59"/>
            </p:custDataLst>
          </p:nvPr>
        </p:nvSpPr>
        <p:spPr>
          <a:xfrm>
            <a:off x="8305800" y="3749933"/>
            <a:ext cx="919246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PFAS Action Plan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60de4190fe74dc8a0cee2a9f77196e2_Date"/>
          <p:cNvSpPr txBox="1"/>
          <p:nvPr>
            <p:custDataLst>
              <p:tags r:id="rId60"/>
            </p:custDataLst>
          </p:nvPr>
        </p:nvSpPr>
        <p:spPr>
          <a:xfrm>
            <a:off x="8453086" y="4155545"/>
            <a:ext cx="49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2</a:t>
            </a:r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/2019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e60de4190fe74dc8a0cee2a9f77196e2_Shape"/>
          <p:cNvSpPr/>
          <p:nvPr>
            <p:custDataLst>
              <p:tags r:id="rId61"/>
            </p:custDataLst>
          </p:nvPr>
        </p:nvSpPr>
        <p:spPr>
          <a:xfrm rot="16200000">
            <a:off x="8064500" y="381000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44" name="OTLSHAPE_M_e60de4190fe74dc8a0cee2a9f77196e2_Title"/>
          <p:cNvSpPr txBox="1"/>
          <p:nvPr>
            <p:custDataLst>
              <p:tags r:id="rId62"/>
            </p:custDataLst>
          </p:nvPr>
        </p:nvSpPr>
        <p:spPr>
          <a:xfrm>
            <a:off x="7680391" y="4343923"/>
            <a:ext cx="919246" cy="55399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EPA PFAS Leadership Summit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e60de4190fe74dc8a0cee2a9f77196e2_Date"/>
          <p:cNvSpPr txBox="1"/>
          <p:nvPr>
            <p:custDataLst>
              <p:tags r:id="rId63"/>
            </p:custDataLst>
          </p:nvPr>
        </p:nvSpPr>
        <p:spPr>
          <a:xfrm>
            <a:off x="7037396" y="3496859"/>
            <a:ext cx="495300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/2017</a:t>
            </a:r>
            <a:endParaRPr 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e60de4190fe74dc8a0cee2a9f77196e2_Title"/>
          <p:cNvSpPr txBox="1"/>
          <p:nvPr>
            <p:custDataLst>
              <p:tags r:id="rId64"/>
            </p:custDataLst>
          </p:nvPr>
        </p:nvSpPr>
        <p:spPr>
          <a:xfrm>
            <a:off x="6781800" y="3108964"/>
            <a:ext cx="1371600" cy="3693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DuPont Class Action Settlement ($671M)</a:t>
            </a:r>
            <a:endParaRPr lang="en-US" sz="12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Left Brace 84"/>
          <p:cNvSpPr/>
          <p:nvPr/>
        </p:nvSpPr>
        <p:spPr>
          <a:xfrm rot="5400000">
            <a:off x="920601" y="1671736"/>
            <a:ext cx="457200" cy="1663998"/>
          </a:xfrm>
          <a:prstGeom prst="leftBrace">
            <a:avLst>
              <a:gd name="adj1" fmla="val 50555"/>
              <a:gd name="adj2" fmla="val 50611"/>
            </a:avLst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TextBox 85"/>
          <p:cNvSpPr txBox="1"/>
          <p:nvPr/>
        </p:nvSpPr>
        <p:spPr>
          <a:xfrm>
            <a:off x="469602" y="1795735"/>
            <a:ext cx="135919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/>
              <a:t>Widespread use in industry</a:t>
            </a:r>
            <a:endParaRPr lang="en-US" sz="1400" dirty="0"/>
          </a:p>
        </p:txBody>
      </p:sp>
      <p:sp>
        <p:nvSpPr>
          <p:cNvPr id="87" name="Left Brace 86"/>
          <p:cNvSpPr/>
          <p:nvPr/>
        </p:nvSpPr>
        <p:spPr>
          <a:xfrm rot="5400000">
            <a:off x="3771900" y="38100"/>
            <a:ext cx="457200" cy="3581400"/>
          </a:xfrm>
          <a:prstGeom prst="leftBrace">
            <a:avLst>
              <a:gd name="adj1" fmla="val 50555"/>
              <a:gd name="adj2" fmla="val 50611"/>
            </a:avLst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TextBox 87"/>
          <p:cNvSpPr txBox="1"/>
          <p:nvPr/>
        </p:nvSpPr>
        <p:spPr>
          <a:xfrm>
            <a:off x="2667000" y="1295400"/>
            <a:ext cx="284509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/>
              <a:t>Switch to “replacement chemistry”</a:t>
            </a:r>
            <a:endParaRPr lang="en-US" sz="1400" dirty="0"/>
          </a:p>
        </p:txBody>
      </p:sp>
      <p:sp>
        <p:nvSpPr>
          <p:cNvPr id="89" name="Left Brace 88"/>
          <p:cNvSpPr/>
          <p:nvPr/>
        </p:nvSpPr>
        <p:spPr>
          <a:xfrm rot="5400000">
            <a:off x="7201799" y="581355"/>
            <a:ext cx="457200" cy="2821198"/>
          </a:xfrm>
          <a:prstGeom prst="leftBrace">
            <a:avLst>
              <a:gd name="adj1" fmla="val 50555"/>
              <a:gd name="adj2" fmla="val 50611"/>
            </a:avLst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5" name="Group 14"/>
          <p:cNvGrpSpPr/>
          <p:nvPr/>
        </p:nvGrpSpPr>
        <p:grpSpPr>
          <a:xfrm>
            <a:off x="2133600" y="1143000"/>
            <a:ext cx="8140761" cy="3959227"/>
            <a:chOff x="2133600" y="1146173"/>
            <a:chExt cx="8140761" cy="3959227"/>
          </a:xfrm>
        </p:grpSpPr>
        <p:sp>
          <p:nvSpPr>
            <p:cNvPr id="3" name="Rectangle 2"/>
            <p:cNvSpPr/>
            <p:nvPr/>
          </p:nvSpPr>
          <p:spPr>
            <a:xfrm>
              <a:off x="2133600" y="1146173"/>
              <a:ext cx="7391400" cy="28289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Rectangle 90"/>
            <p:cNvSpPr/>
            <p:nvPr/>
          </p:nvSpPr>
          <p:spPr>
            <a:xfrm>
              <a:off x="2882961" y="2993065"/>
              <a:ext cx="7391400" cy="209247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Rectangle 91"/>
            <p:cNvSpPr/>
            <p:nvPr/>
          </p:nvSpPr>
          <p:spPr>
            <a:xfrm>
              <a:off x="2133600" y="4518838"/>
              <a:ext cx="7391400" cy="5865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0" name="TextBox 89"/>
          <p:cNvSpPr txBox="1"/>
          <p:nvPr/>
        </p:nvSpPr>
        <p:spPr>
          <a:xfrm>
            <a:off x="6045200" y="1295400"/>
            <a:ext cx="297359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/>
              <a:t>L</a:t>
            </a:r>
            <a:r>
              <a:rPr lang="en-US" sz="1400" dirty="0" smtClean="0"/>
              <a:t>itigation, regulatory attention, ongoing research</a:t>
            </a:r>
            <a:endParaRPr lang="en-US" sz="1400" dirty="0"/>
          </a:p>
        </p:txBody>
      </p:sp>
      <p:grpSp>
        <p:nvGrpSpPr>
          <p:cNvPr id="27" name="Group 26"/>
          <p:cNvGrpSpPr/>
          <p:nvPr/>
        </p:nvGrpSpPr>
        <p:grpSpPr>
          <a:xfrm>
            <a:off x="5360826" y="1128728"/>
            <a:ext cx="4436828" cy="3976672"/>
            <a:chOff x="5360826" y="1128728"/>
            <a:chExt cx="4436828" cy="3976672"/>
          </a:xfrm>
        </p:grpSpPr>
        <p:sp>
          <p:nvSpPr>
            <p:cNvPr id="17" name="Rectangle 16"/>
            <p:cNvSpPr/>
            <p:nvPr/>
          </p:nvSpPr>
          <p:spPr>
            <a:xfrm>
              <a:off x="5360826" y="2248981"/>
              <a:ext cx="4436828" cy="285641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Rectangle 92"/>
            <p:cNvSpPr/>
            <p:nvPr/>
          </p:nvSpPr>
          <p:spPr>
            <a:xfrm>
              <a:off x="5914779" y="1128728"/>
              <a:ext cx="3206250" cy="285641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20249602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762000" y="3048000"/>
            <a:ext cx="8153400" cy="1295400"/>
          </a:xfrm>
        </p:spPr>
        <p:txBody>
          <a:bodyPr>
            <a:noAutofit/>
          </a:bodyPr>
          <a:lstStyle/>
          <a:p>
            <a:r>
              <a:rPr lang="en-US" sz="2800" dirty="0" smtClean="0"/>
              <a:t>Per- </a:t>
            </a:r>
            <a:r>
              <a:rPr lang="en-US" sz="2800" dirty="0"/>
              <a:t>and </a:t>
            </a:r>
            <a:r>
              <a:rPr lang="en-US" sz="2800" dirty="0" err="1"/>
              <a:t>Polyfluoroalkyl</a:t>
            </a:r>
            <a:r>
              <a:rPr lang="en-US" sz="2800" dirty="0"/>
              <a:t> </a:t>
            </a:r>
            <a:r>
              <a:rPr lang="en-US" sz="2800" dirty="0" smtClean="0"/>
              <a:t>Substances</a:t>
            </a:r>
          </a:p>
          <a:p>
            <a:r>
              <a:rPr lang="en-US" sz="2800" dirty="0"/>
              <a:t> </a:t>
            </a:r>
            <a:r>
              <a:rPr lang="en-US" sz="2800" dirty="0" smtClean="0"/>
              <a:t>Metal Plating and Surface Coating Perspective</a:t>
            </a:r>
            <a:endParaRPr lang="en-US" sz="280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2"/>
          </p:nvPr>
        </p:nvSpPr>
        <p:spPr>
          <a:xfrm>
            <a:off x="1371600" y="4876800"/>
            <a:ext cx="3962400" cy="838200"/>
          </a:xfrm>
        </p:spPr>
        <p:txBody>
          <a:bodyPr>
            <a:normAutofit/>
          </a:bodyPr>
          <a:lstStyle/>
          <a:p>
            <a:r>
              <a:rPr lang="en-US" dirty="0" smtClean="0"/>
              <a:t>Janet Anderson, Ph.D., DABT</a:t>
            </a:r>
          </a:p>
          <a:p>
            <a:r>
              <a:rPr lang="en-US" dirty="0" smtClean="0"/>
              <a:t>Integral Consulting, Inc.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13"/>
          </p:nvPr>
        </p:nvSpPr>
        <p:spPr>
          <a:xfrm>
            <a:off x="1335087" y="6096000"/>
            <a:ext cx="5446713" cy="457200"/>
          </a:xfrm>
        </p:spPr>
        <p:txBody>
          <a:bodyPr>
            <a:normAutofit/>
          </a:bodyPr>
          <a:lstStyle/>
          <a:p>
            <a:r>
              <a:rPr lang="en-US" dirty="0" smtClean="0"/>
              <a:t>April 16, 2019 – NASF Washington Foru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33730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">
      <a:dk1>
        <a:sysClr val="windowText" lastClr="000000"/>
      </a:dk1>
      <a:lt1>
        <a:sysClr val="window" lastClr="FFFFFF"/>
      </a:lt1>
      <a:dk2>
        <a:srgbClr val="323232"/>
      </a:dk2>
      <a:lt2>
        <a:srgbClr val="E3DED1"/>
      </a:lt2>
      <a:accent1>
        <a:srgbClr val="2282AF"/>
      </a:accent1>
      <a:accent2>
        <a:srgbClr val="8D4520"/>
      </a:accent2>
      <a:accent3>
        <a:srgbClr val="2B5193"/>
      </a:accent3>
      <a:accent4>
        <a:srgbClr val="A8A63F"/>
      </a:accent4>
      <a:accent5>
        <a:srgbClr val="9E6828"/>
      </a:accent5>
      <a:accent6>
        <a:srgbClr val="CA8E2B"/>
      </a:accent6>
      <a:hlink>
        <a:srgbClr val="6B9F25"/>
      </a:hlink>
      <a:folHlink>
        <a:srgbClr val="B26B0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 Template_2015-12-22.potx" id="{BBCB0A78-0B51-47A6-8621-1399D639FB31}" vid="{603D634E-374A-4BE8-B5BE-8C1E678CF8C1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029</TotalTime>
  <Words>1475</Words>
  <Application>Microsoft Office PowerPoint</Application>
  <PresentationFormat>On-screen Show (4:3)</PresentationFormat>
  <Paragraphs>349</Paragraphs>
  <Slides>31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40" baseType="lpstr">
      <vt:lpstr>ＭＳ Ｐゴシック</vt:lpstr>
      <vt:lpstr>Arial</vt:lpstr>
      <vt:lpstr>Arial Black</vt:lpstr>
      <vt:lpstr>Calibri</vt:lpstr>
      <vt:lpstr>Segoe UI</vt:lpstr>
      <vt:lpstr>Times New Roman</vt:lpstr>
      <vt:lpstr>Trebuchet MS</vt:lpstr>
      <vt:lpstr>Wingdings</vt:lpstr>
      <vt:lpstr>Office Theme</vt:lpstr>
      <vt:lpstr>PowerPoint Presentation</vt:lpstr>
      <vt:lpstr>Per- and Polyfluoroalkyl Substances (PFAS)</vt:lpstr>
      <vt:lpstr>Family Tree of PFAS</vt:lpstr>
      <vt:lpstr>PFAS Chemistry and Nomenclature</vt:lpstr>
      <vt:lpstr>PFAS: Chemical Properties</vt:lpstr>
      <vt:lpstr>Why the Concern?</vt:lpstr>
      <vt:lpstr>Wide-Spread Environmental Occurrence</vt:lpstr>
      <vt:lpstr>How did we get here?</vt:lpstr>
      <vt:lpstr>PowerPoint Presentation</vt:lpstr>
      <vt:lpstr>PFAS are Essential in  Chrome Plating, Etching</vt:lpstr>
      <vt:lpstr>Key PFAS U.S. Milestones for NASF</vt:lpstr>
      <vt:lpstr>Industry-EPA Collaboration to Ban  PFOS in Chromium Plating Switch from PFOS (historic) to 6:2 FTS (current, U.S.)</vt:lpstr>
      <vt:lpstr>Then Why Do We Still Care?</vt:lpstr>
      <vt:lpstr>Interest in PFAS in Industry  Effluent Discharge is Increasing</vt:lpstr>
      <vt:lpstr>PowerPoint Presentation</vt:lpstr>
      <vt:lpstr>Transition to Short Fluorotelomers Improves Risk Profile</vt:lpstr>
      <vt:lpstr>Available Data to Support the Transition to 6:2 FTS –  Data gaps Remain</vt:lpstr>
      <vt:lpstr>What is NASF/Policy Group Doing?</vt:lpstr>
      <vt:lpstr>NASF Identified 4 Priority Issues</vt:lpstr>
      <vt:lpstr>Metal Plating Shop Effluent is Only One Contributor of PFAS to POTWs</vt:lpstr>
      <vt:lpstr>Key Take Home Messages</vt:lpstr>
      <vt:lpstr>PowerPoint Presentation</vt:lpstr>
      <vt:lpstr>Understand Detections of PFOS in Facility Effluent</vt:lpstr>
      <vt:lpstr>Mist Suppressant Formulations Still Contain PFAS, but Exact Formulations are Confidential</vt:lpstr>
      <vt:lpstr>Back-up Slides</vt:lpstr>
      <vt:lpstr>PFOA/PFOS  Human Data Challenging to Interpret</vt:lpstr>
      <vt:lpstr>Regulatory Numbers Based on Animal Data: Many Issues and Uncertainties…</vt:lpstr>
      <vt:lpstr>States – Leading the Charge, Not Just for Drinking Water Standards and Exposure</vt:lpstr>
      <vt:lpstr>USEPA 2019 - PFAS Action Plan</vt:lpstr>
      <vt:lpstr>What Is Your PFAS Analyte List? </vt:lpstr>
      <vt:lpstr>Total Oxidizable Precursor Assay</vt:lpstr>
    </vt:vector>
  </TitlesOfParts>
  <Company>Integral Consulting In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net Anderson</dc:creator>
  <cp:lastModifiedBy>Janet Anderson</cp:lastModifiedBy>
  <cp:revision>859</cp:revision>
  <cp:lastPrinted>2016-02-22T19:08:56Z</cp:lastPrinted>
  <dcterms:created xsi:type="dcterms:W3CDTF">2016-01-14T13:42:48Z</dcterms:created>
  <dcterms:modified xsi:type="dcterms:W3CDTF">2019-04-16T04:26:19Z</dcterms:modified>
</cp:coreProperties>
</file>